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R02年度分\☆HP原稿\02_項目別（統計以降）（Excel）\02_指標\"/>
    </mc:Choice>
  </mc:AlternateContent>
  <bookViews>
    <workbookView xWindow="5112" yWindow="-12" windowWidth="5148" windowHeight="7752" activeTab="6"/>
  </bookViews>
  <sheets>
    <sheet name="一人当たりの基準総所得額の推移" sheetId="4" r:id="rId1"/>
    <sheet name=" 一人当たり調定額の推移" sheetId="5" r:id="rId2"/>
    <sheet name="一世帯当たりの調定額の推移" sheetId="6" r:id="rId3"/>
    <sheet name="負担率の推移" sheetId="7" r:id="rId4"/>
    <sheet name="収納率の推移（現年分）" sheetId="8" r:id="rId5"/>
    <sheet name="収納率の推移（滞納繰越分）" sheetId="9" r:id="rId6"/>
    <sheet name="収納率の推移（現年分・滞納繰越分合計）" sheetId="10" r:id="rId7"/>
  </sheet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1">' 一人当たり調定額の推移'!$A$1:$Q$47</definedName>
    <definedName name="_xlnm.Print_Area" localSheetId="0">一人当たりの基準総所得額の推移!$A$1:$Q$41</definedName>
    <definedName name="_xlnm.Print_Area" localSheetId="2">一世帯当たりの調定額の推移!$A$1:$Q$47</definedName>
    <definedName name="_xlnm.Print_Area" localSheetId="4">'収納率の推移（現年分）'!$A$1:$L$47</definedName>
    <definedName name="_xlnm.Print_Area" localSheetId="6">'収納率の推移（現年分・滞納繰越分合計）'!$A$1:$L$51</definedName>
    <definedName name="_xlnm.Print_Area" localSheetId="5">'収納率の推移（滞納繰越分）'!$A$1:$L$51</definedName>
    <definedName name="_xlnm.Print_Area" localSheetId="3">負担率の推移!$A$1:$Q$41</definedName>
  </definedNames>
  <calcPr calcId="152511"/>
</workbook>
</file>

<file path=xl/sharedStrings.xml><?xml version="1.0" encoding="utf-8"?>
<sst xmlns="http://schemas.openxmlformats.org/spreadsheetml/2006/main" count="639" uniqueCount="101">
  <si>
    <t>保険者名</t>
  </si>
  <si>
    <t>伸率%</t>
  </si>
  <si>
    <t>円</t>
  </si>
  <si>
    <t xml:space="preserve"> 横浜市</t>
  </si>
  <si>
    <t>-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城山町</t>
  </si>
  <si>
    <t xml:space="preserve"> 津久井町</t>
  </si>
  <si>
    <t xml:space="preserve"> 相模湖町</t>
  </si>
  <si>
    <t xml:space="preserve"> 藤野町</t>
  </si>
  <si>
    <t xml:space="preserve"> 医師</t>
  </si>
  <si>
    <t xml:space="preserve"> 歯科医師</t>
  </si>
  <si>
    <t xml:space="preserve"> 食品衛生</t>
  </si>
  <si>
    <t xml:space="preserve"> 薬剤師</t>
  </si>
  <si>
    <t xml:space="preserve"> 建設業</t>
  </si>
  <si>
    <t xml:space="preserve"> 建設連合</t>
  </si>
  <si>
    <t>順</t>
  </si>
  <si>
    <t>調定額</t>
  </si>
  <si>
    <t>（円）</t>
  </si>
  <si>
    <t>位</t>
  </si>
  <si>
    <t>市町村平均</t>
  </si>
  <si>
    <t>負担率</t>
  </si>
  <si>
    <t>（％）</t>
  </si>
  <si>
    <t>増減</t>
  </si>
  <si>
    <t>収納率</t>
  </si>
  <si>
    <t>－</t>
  </si>
  <si>
    <t>－</t>
    <phoneticPr fontId="8"/>
  </si>
  <si>
    <t>保険者名</t>
    <rPh sb="0" eb="3">
      <t>ホケンシャ</t>
    </rPh>
    <rPh sb="3" eb="4">
      <t>メイ</t>
    </rPh>
    <phoneticPr fontId="8"/>
  </si>
  <si>
    <t>滞納なし</t>
    <rPh sb="0" eb="2">
      <t>タイノウ</t>
    </rPh>
    <phoneticPr fontId="8"/>
  </si>
  <si>
    <t>伸率%</t>
    <phoneticPr fontId="8"/>
  </si>
  <si>
    <t>伸率%</t>
    <phoneticPr fontId="8"/>
  </si>
  <si>
    <t>市町村平均</t>
    <rPh sb="0" eb="3">
      <t>シチョウソン</t>
    </rPh>
    <rPh sb="3" eb="5">
      <t>ヘイキン</t>
    </rPh>
    <phoneticPr fontId="7"/>
  </si>
  <si>
    <t>組 合 平 均</t>
    <phoneticPr fontId="8"/>
  </si>
  <si>
    <t>県   平   均</t>
    <phoneticPr fontId="8"/>
  </si>
  <si>
    <t>町 村 平 均</t>
    <rPh sb="0" eb="1">
      <t>マチ</t>
    </rPh>
    <rPh sb="2" eb="3">
      <t>ムラ</t>
    </rPh>
    <rPh sb="4" eb="5">
      <t>ヒラ</t>
    </rPh>
    <rPh sb="6" eb="7">
      <t>ヒトシ</t>
    </rPh>
    <phoneticPr fontId="7"/>
  </si>
  <si>
    <t>県    平    均</t>
    <phoneticPr fontId="8"/>
  </si>
  <si>
    <t>市    平    均</t>
    <rPh sb="5" eb="6">
      <t>ヒラ</t>
    </rPh>
    <rPh sb="10" eb="11">
      <t>ヒトシ</t>
    </rPh>
    <phoneticPr fontId="8"/>
  </si>
  <si>
    <t xml:space="preserve"> 医 師</t>
    <phoneticPr fontId="8"/>
  </si>
  <si>
    <t>円</t>
    <phoneticPr fontId="8"/>
  </si>
  <si>
    <t>収納率</t>
    <phoneticPr fontId="8"/>
  </si>
  <si>
    <t>（％）</t>
    <phoneticPr fontId="8"/>
  </si>
  <si>
    <t>伸率%</t>
    <phoneticPr fontId="8"/>
  </si>
  <si>
    <t>２.　保険料・税（１）　調定額・基準総所得金額等の状況</t>
  </si>
  <si>
    <t>２.　保険料・税（１）　調定額・基準総所得金額等の状況</t>
    <rPh sb="12" eb="13">
      <t>チョウ</t>
    </rPh>
    <rPh sb="13" eb="14">
      <t>テイ</t>
    </rPh>
    <rPh sb="14" eb="15">
      <t>ガク</t>
    </rPh>
    <rPh sb="16" eb="18">
      <t>キジュン</t>
    </rPh>
    <rPh sb="18" eb="21">
      <t>ソウショトク</t>
    </rPh>
    <rPh sb="21" eb="23">
      <t>キンガク</t>
    </rPh>
    <rPh sb="23" eb="24">
      <t>トウ</t>
    </rPh>
    <rPh sb="25" eb="27">
      <t>ジョウキョウ</t>
    </rPh>
    <phoneticPr fontId="8"/>
  </si>
  <si>
    <t>・一人当たり基準総所得金額の推移</t>
    <rPh sb="1" eb="3">
      <t>ヒトリ</t>
    </rPh>
    <rPh sb="3" eb="4">
      <t>ア</t>
    </rPh>
    <rPh sb="6" eb="8">
      <t>キジュン</t>
    </rPh>
    <rPh sb="8" eb="11">
      <t>ソウショトク</t>
    </rPh>
    <rPh sb="11" eb="13">
      <t>キンガク</t>
    </rPh>
    <rPh sb="14" eb="16">
      <t>スイイ</t>
    </rPh>
    <phoneticPr fontId="8"/>
  </si>
  <si>
    <t>・一人当たり調定額の推移（現年分）</t>
    <rPh sb="1" eb="3">
      <t>ヒトリ</t>
    </rPh>
    <rPh sb="3" eb="4">
      <t>ア</t>
    </rPh>
    <rPh sb="6" eb="7">
      <t>チョウ</t>
    </rPh>
    <rPh sb="7" eb="8">
      <t>テイ</t>
    </rPh>
    <rPh sb="8" eb="9">
      <t>ガク</t>
    </rPh>
    <rPh sb="10" eb="12">
      <t>スイイ</t>
    </rPh>
    <rPh sb="13" eb="14">
      <t>ゲン</t>
    </rPh>
    <rPh sb="14" eb="15">
      <t>ネン</t>
    </rPh>
    <rPh sb="15" eb="16">
      <t>ブン</t>
    </rPh>
    <phoneticPr fontId="8"/>
  </si>
  <si>
    <t>・保険料（税）負担率の推移</t>
    <rPh sb="1" eb="3">
      <t>ホケン</t>
    </rPh>
    <rPh sb="3" eb="4">
      <t>リョウ</t>
    </rPh>
    <rPh sb="5" eb="6">
      <t>ゼイ</t>
    </rPh>
    <rPh sb="7" eb="9">
      <t>フタン</t>
    </rPh>
    <rPh sb="9" eb="10">
      <t>リツ</t>
    </rPh>
    <rPh sb="11" eb="13">
      <t>スイイ</t>
    </rPh>
    <phoneticPr fontId="8"/>
  </si>
  <si>
    <t>２.　保険料・税（２）　収納率の状況</t>
    <rPh sb="12" eb="14">
      <t>シュウノウ</t>
    </rPh>
    <rPh sb="14" eb="15">
      <t>リツ</t>
    </rPh>
    <rPh sb="16" eb="18">
      <t>ジョウキョウ</t>
    </rPh>
    <phoneticPr fontId="8"/>
  </si>
  <si>
    <t>・収納率の推移（現年分）</t>
    <rPh sb="1" eb="3">
      <t>シュウノウ</t>
    </rPh>
    <rPh sb="3" eb="4">
      <t>リツ</t>
    </rPh>
    <rPh sb="5" eb="7">
      <t>スイイ</t>
    </rPh>
    <rPh sb="8" eb="9">
      <t>ゲン</t>
    </rPh>
    <rPh sb="9" eb="10">
      <t>ネン</t>
    </rPh>
    <rPh sb="10" eb="11">
      <t>ブン</t>
    </rPh>
    <phoneticPr fontId="8"/>
  </si>
  <si>
    <t>・収納率の推移（滞納繰越分）</t>
    <rPh sb="1" eb="3">
      <t>シュウノウ</t>
    </rPh>
    <rPh sb="3" eb="4">
      <t>リツ</t>
    </rPh>
    <rPh sb="5" eb="7">
      <t>スイイ</t>
    </rPh>
    <rPh sb="8" eb="10">
      <t>タイノウ</t>
    </rPh>
    <rPh sb="10" eb="12">
      <t>クリコシ</t>
    </rPh>
    <rPh sb="12" eb="13">
      <t>ブン</t>
    </rPh>
    <phoneticPr fontId="8"/>
  </si>
  <si>
    <t>・収納率の推移（現年・滞納繰越分合計）</t>
    <rPh sb="1" eb="3">
      <t>シュウノウ</t>
    </rPh>
    <rPh sb="3" eb="4">
      <t>リツ</t>
    </rPh>
    <rPh sb="5" eb="7">
      <t>スイイ</t>
    </rPh>
    <rPh sb="8" eb="9">
      <t>ゲン</t>
    </rPh>
    <rPh sb="9" eb="10">
      <t>ネン</t>
    </rPh>
    <rPh sb="11" eb="13">
      <t>タイノウ</t>
    </rPh>
    <rPh sb="13" eb="15">
      <t>クリコシ</t>
    </rPh>
    <rPh sb="15" eb="16">
      <t>ブン</t>
    </rPh>
    <rPh sb="16" eb="18">
      <t>ゴウケイ</t>
    </rPh>
    <phoneticPr fontId="8"/>
  </si>
  <si>
    <t>28年度（医療分）</t>
    <rPh sb="5" eb="7">
      <t>イリョウ</t>
    </rPh>
    <rPh sb="7" eb="8">
      <t>ブン</t>
    </rPh>
    <phoneticPr fontId="8"/>
  </si>
  <si>
    <t>29年度（医療分）</t>
    <rPh sb="5" eb="7">
      <t>イリョウ</t>
    </rPh>
    <rPh sb="7" eb="8">
      <t>ブン</t>
    </rPh>
    <phoneticPr fontId="8"/>
  </si>
  <si>
    <t>29年度</t>
    <phoneticPr fontId="8"/>
  </si>
  <si>
    <t>28年度</t>
  </si>
  <si>
    <t>28→29</t>
  </si>
  <si>
    <t>30年度（医療分）</t>
    <rPh sb="5" eb="7">
      <t>イリョウ</t>
    </rPh>
    <rPh sb="7" eb="8">
      <t>ブン</t>
    </rPh>
    <phoneticPr fontId="8"/>
  </si>
  <si>
    <t>元年度</t>
    <rPh sb="0" eb="1">
      <t>ガン</t>
    </rPh>
    <phoneticPr fontId="8"/>
  </si>
  <si>
    <t>30→元</t>
    <rPh sb="3" eb="4">
      <t>ガン</t>
    </rPh>
    <phoneticPr fontId="8"/>
  </si>
  <si>
    <t>元年度（医療分）</t>
    <rPh sb="0" eb="1">
      <t>ガン</t>
    </rPh>
    <rPh sb="4" eb="6">
      <t>イリョウ</t>
    </rPh>
    <rPh sb="6" eb="7">
      <t>ブン</t>
    </rPh>
    <phoneticPr fontId="8"/>
  </si>
  <si>
    <t>・一世帯当たり調定額の推移（現年分）</t>
    <rPh sb="1" eb="4">
      <t>イッセタイ</t>
    </rPh>
    <rPh sb="4" eb="5">
      <t>ア</t>
    </rPh>
    <rPh sb="7" eb="8">
      <t>チョウ</t>
    </rPh>
    <rPh sb="8" eb="9">
      <t>テイ</t>
    </rPh>
    <rPh sb="9" eb="10">
      <t>ガク</t>
    </rPh>
    <rPh sb="11" eb="13">
      <t>スイイ</t>
    </rPh>
    <rPh sb="14" eb="15">
      <t>ゲン</t>
    </rPh>
    <rPh sb="15" eb="16">
      <t>ネン</t>
    </rPh>
    <rPh sb="16" eb="17">
      <t>ブン</t>
    </rPh>
    <phoneticPr fontId="8"/>
  </si>
  <si>
    <t>29年度</t>
  </si>
  <si>
    <t>30年度</t>
  </si>
  <si>
    <t>2年度</t>
    <phoneticPr fontId="8"/>
  </si>
  <si>
    <t>27→28</t>
  </si>
  <si>
    <t>29→30</t>
  </si>
  <si>
    <t>元→２</t>
    <rPh sb="0" eb="1">
      <t>ガン</t>
    </rPh>
    <phoneticPr fontId="8"/>
  </si>
  <si>
    <t>２年度</t>
    <phoneticPr fontId="8"/>
  </si>
  <si>
    <t>２年度</t>
    <phoneticPr fontId="8"/>
  </si>
  <si>
    <t>２年度（医療分）</t>
    <rPh sb="4" eb="6">
      <t>イリョウ</t>
    </rPh>
    <rPh sb="6" eb="7">
      <t>ブン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82" formatCode="#,##0_ ;[Red]\-#,##0\ "/>
    <numFmt numFmtId="183" formatCode="#,##0_);[Red]\(#,##0\)"/>
    <numFmt numFmtId="187" formatCode="0_);[Red]\(0\)"/>
    <numFmt numFmtId="190" formatCode="0.00_);[Red]\(0.00\)"/>
    <numFmt numFmtId="195" formatCode="#,##0.00000;[Red]\-#,##0.00000"/>
  </numFmts>
  <fonts count="46" x14ac:knownFonts="1">
    <font>
      <sz val="11"/>
      <name val="ＭＳ 明朝"/>
      <family val="1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明朝"/>
      <family val="1"/>
      <charset val="128"/>
    </font>
    <font>
      <sz val="14"/>
      <name val="Terminal"/>
      <family val="3"/>
      <charset val="255"/>
    </font>
    <font>
      <sz val="11"/>
      <name val="ＭＳ Ｐゴシック"/>
      <family val="3"/>
      <charset val="128"/>
    </font>
    <font>
      <sz val="14"/>
      <name val="ＭＳ 明朝"/>
      <family val="1"/>
      <charset val="128"/>
    </font>
    <font>
      <sz val="14"/>
      <name val="ＭＳ ゴシック"/>
      <family val="3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  <font>
      <sz val="9"/>
      <color indexed="10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9"/>
      <color indexed="12"/>
      <name val="ＭＳ Ｐゴシック"/>
      <family val="3"/>
      <charset val="128"/>
    </font>
    <font>
      <sz val="10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9"/>
      <color indexed="57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sz val="10"/>
      <color indexed="10"/>
      <name val="ＭＳ Ｐゴシック"/>
      <family val="3"/>
      <charset val="128"/>
    </font>
    <font>
      <sz val="9"/>
      <name val="ＭＳ ゴシック"/>
      <family val="3"/>
      <charset val="128"/>
    </font>
    <font>
      <sz val="11"/>
      <color indexed="8"/>
      <name val="ＭＳ Ｐゴシック"/>
      <family val="3"/>
      <charset val="128"/>
    </font>
    <font>
      <sz val="10"/>
      <name val="ＭＳ ゴシック"/>
      <family val="3"/>
      <charset val="128"/>
    </font>
    <font>
      <sz val="11"/>
      <color indexed="12"/>
      <name val="ＭＳ Ｐゴシック"/>
      <family val="3"/>
      <charset val="128"/>
    </font>
    <font>
      <sz val="10"/>
      <color indexed="8"/>
      <name val="ＭＳ Ｐゴシック"/>
      <family val="3"/>
      <charset val="128"/>
    </font>
    <font>
      <sz val="10"/>
      <name val="ＭＳ 明朝"/>
      <family val="1"/>
      <charset val="128"/>
    </font>
    <font>
      <sz val="10"/>
      <color indexed="12"/>
      <name val="ＭＳ Ｐゴシック"/>
      <family val="3"/>
      <charset val="128"/>
    </font>
    <font>
      <sz val="14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color indexed="17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b/>
      <sz val="10"/>
      <color theme="9" tint="0.59999389629810485"/>
      <name val="ＭＳ Ｐゴシック"/>
      <family val="3"/>
      <charset val="128"/>
    </font>
    <font>
      <sz val="12"/>
      <color rgb="FFCCECFF"/>
      <name val="ＭＳ Ｐゴシック"/>
      <family val="3"/>
      <charset val="128"/>
    </font>
    <font>
      <sz val="9"/>
      <color rgb="FFCCECFF"/>
      <name val="ＭＳ Ｐゴシック"/>
      <family val="3"/>
      <charset val="128"/>
    </font>
  </fonts>
  <fills count="24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</fills>
  <borders count="43">
    <border>
      <left/>
      <right/>
      <top/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</borders>
  <cellStyleXfs count="59">
    <xf numFmtId="0" fontId="0" fillId="0" borderId="0"/>
    <xf numFmtId="9" fontId="3" fillId="0" borderId="0" applyFont="0" applyFill="0" applyBorder="0" applyAlignment="0" applyProtection="0"/>
    <xf numFmtId="38" fontId="3" fillId="0" borderId="0" applyFont="0" applyFill="0" applyBorder="0" applyAlignment="0" applyProtection="0"/>
    <xf numFmtId="37" fontId="4" fillId="0" borderId="0"/>
    <xf numFmtId="0" fontId="6" fillId="0" borderId="0"/>
    <xf numFmtId="0" fontId="2" fillId="0" borderId="0">
      <alignment vertical="center"/>
    </xf>
    <xf numFmtId="0" fontId="3" fillId="0" borderId="0"/>
    <xf numFmtId="9" fontId="3" fillId="0" borderId="0" applyFont="0" applyFill="0" applyBorder="0" applyAlignment="0" applyProtection="0"/>
    <xf numFmtId="38" fontId="3" fillId="0" borderId="0" applyFont="0" applyFill="0" applyBorder="0" applyAlignment="0" applyProtection="0"/>
    <xf numFmtId="0" fontId="1" fillId="0" borderId="0">
      <alignment vertical="center"/>
    </xf>
    <xf numFmtId="0" fontId="3" fillId="0" borderId="0"/>
    <xf numFmtId="0" fontId="5" fillId="0" borderId="0"/>
    <xf numFmtId="0" fontId="20" fillId="2" borderId="0" applyNumberFormat="0" applyBorder="0" applyAlignment="0" applyProtection="0">
      <alignment vertical="center"/>
    </xf>
    <xf numFmtId="0" fontId="20" fillId="3" borderId="0" applyNumberFormat="0" applyBorder="0" applyAlignment="0" applyProtection="0">
      <alignment vertical="center"/>
    </xf>
    <xf numFmtId="0" fontId="20" fillId="4" borderId="0" applyNumberFormat="0" applyBorder="0" applyAlignment="0" applyProtection="0">
      <alignment vertical="center"/>
    </xf>
    <xf numFmtId="0" fontId="20" fillId="5" borderId="0" applyNumberFormat="0" applyBorder="0" applyAlignment="0" applyProtection="0">
      <alignment vertical="center"/>
    </xf>
    <xf numFmtId="0" fontId="20" fillId="6" borderId="0" applyNumberFormat="0" applyBorder="0" applyAlignment="0" applyProtection="0">
      <alignment vertical="center"/>
    </xf>
    <xf numFmtId="0" fontId="20" fillId="7" borderId="0" applyNumberFormat="0" applyBorder="0" applyAlignment="0" applyProtection="0">
      <alignment vertical="center"/>
    </xf>
    <xf numFmtId="0" fontId="20" fillId="8" borderId="0" applyNumberFormat="0" applyBorder="0" applyAlignment="0" applyProtection="0">
      <alignment vertical="center"/>
    </xf>
    <xf numFmtId="0" fontId="20" fillId="9" borderId="0" applyNumberFormat="0" applyBorder="0" applyAlignment="0" applyProtection="0">
      <alignment vertical="center"/>
    </xf>
    <xf numFmtId="0" fontId="20" fillId="10" borderId="0" applyNumberFormat="0" applyBorder="0" applyAlignment="0" applyProtection="0">
      <alignment vertical="center"/>
    </xf>
    <xf numFmtId="0" fontId="20" fillId="5" borderId="0" applyNumberFormat="0" applyBorder="0" applyAlignment="0" applyProtection="0">
      <alignment vertical="center"/>
    </xf>
    <xf numFmtId="0" fontId="20" fillId="8" borderId="0" applyNumberFormat="0" applyBorder="0" applyAlignment="0" applyProtection="0">
      <alignment vertical="center"/>
    </xf>
    <xf numFmtId="0" fontId="20" fillId="11" borderId="0" applyNumberFormat="0" applyBorder="0" applyAlignment="0" applyProtection="0">
      <alignment vertical="center"/>
    </xf>
    <xf numFmtId="0" fontId="27" fillId="12" borderId="0" applyNumberFormat="0" applyBorder="0" applyAlignment="0" applyProtection="0">
      <alignment vertical="center"/>
    </xf>
    <xf numFmtId="0" fontId="27" fillId="9" borderId="0" applyNumberFormat="0" applyBorder="0" applyAlignment="0" applyProtection="0">
      <alignment vertical="center"/>
    </xf>
    <xf numFmtId="0" fontId="27" fillId="10" borderId="0" applyNumberFormat="0" applyBorder="0" applyAlignment="0" applyProtection="0">
      <alignment vertical="center"/>
    </xf>
    <xf numFmtId="0" fontId="27" fillId="13" borderId="0" applyNumberFormat="0" applyBorder="0" applyAlignment="0" applyProtection="0">
      <alignment vertical="center"/>
    </xf>
    <xf numFmtId="0" fontId="27" fillId="14" borderId="0" applyNumberFormat="0" applyBorder="0" applyAlignment="0" applyProtection="0">
      <alignment vertical="center"/>
    </xf>
    <xf numFmtId="0" fontId="27" fillId="15" borderId="0" applyNumberFormat="0" applyBorder="0" applyAlignment="0" applyProtection="0">
      <alignment vertical="center"/>
    </xf>
    <xf numFmtId="0" fontId="27" fillId="16" borderId="0" applyNumberFormat="0" applyBorder="0" applyAlignment="0" applyProtection="0">
      <alignment vertical="center"/>
    </xf>
    <xf numFmtId="0" fontId="27" fillId="17" borderId="0" applyNumberFormat="0" applyBorder="0" applyAlignment="0" applyProtection="0">
      <alignment vertical="center"/>
    </xf>
    <xf numFmtId="0" fontId="27" fillId="18" borderId="0" applyNumberFormat="0" applyBorder="0" applyAlignment="0" applyProtection="0">
      <alignment vertical="center"/>
    </xf>
    <xf numFmtId="0" fontId="27" fillId="13" borderId="0" applyNumberFormat="0" applyBorder="0" applyAlignment="0" applyProtection="0">
      <alignment vertical="center"/>
    </xf>
    <xf numFmtId="0" fontId="27" fillId="14" borderId="0" applyNumberFormat="0" applyBorder="0" applyAlignment="0" applyProtection="0">
      <alignment vertical="center"/>
    </xf>
    <xf numFmtId="0" fontId="27" fillId="19" borderId="0" applyNumberFormat="0" applyBorder="0" applyAlignment="0" applyProtection="0">
      <alignment vertical="center"/>
    </xf>
    <xf numFmtId="0" fontId="28" fillId="0" borderId="0" applyNumberFormat="0" applyFill="0" applyBorder="0" applyAlignment="0" applyProtection="0">
      <alignment vertical="center"/>
    </xf>
    <xf numFmtId="0" fontId="29" fillId="20" borderId="31" applyNumberFormat="0" applyAlignment="0" applyProtection="0">
      <alignment vertical="center"/>
    </xf>
    <xf numFmtId="0" fontId="30" fillId="21" borderId="0" applyNumberFormat="0" applyBorder="0" applyAlignment="0" applyProtection="0">
      <alignment vertical="center"/>
    </xf>
    <xf numFmtId="0" fontId="5" fillId="22" borderId="32" applyNumberFormat="0" applyFont="0" applyAlignment="0" applyProtection="0">
      <alignment vertical="center"/>
    </xf>
    <xf numFmtId="0" fontId="31" fillId="0" borderId="33" applyNumberFormat="0" applyFill="0" applyAlignment="0" applyProtection="0">
      <alignment vertical="center"/>
    </xf>
    <xf numFmtId="0" fontId="32" fillId="3" borderId="0" applyNumberFormat="0" applyBorder="0" applyAlignment="0" applyProtection="0">
      <alignment vertical="center"/>
    </xf>
    <xf numFmtId="0" fontId="33" fillId="23" borderId="34" applyNumberFormat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38" fontId="5" fillId="0" borderId="0" applyFont="0" applyFill="0" applyBorder="0" applyAlignment="0" applyProtection="0"/>
    <xf numFmtId="0" fontId="34" fillId="0" borderId="35" applyNumberFormat="0" applyFill="0" applyAlignment="0" applyProtection="0">
      <alignment vertical="center"/>
    </xf>
    <xf numFmtId="0" fontId="35" fillId="0" borderId="36" applyNumberFormat="0" applyFill="0" applyAlignment="0" applyProtection="0">
      <alignment vertical="center"/>
    </xf>
    <xf numFmtId="0" fontId="36" fillId="0" borderId="37" applyNumberFormat="0" applyFill="0" applyAlignment="0" applyProtection="0">
      <alignment vertical="center"/>
    </xf>
    <xf numFmtId="0" fontId="36" fillId="0" borderId="0" applyNumberFormat="0" applyFill="0" applyBorder="0" applyAlignment="0" applyProtection="0">
      <alignment vertical="center"/>
    </xf>
    <xf numFmtId="0" fontId="37" fillId="0" borderId="38" applyNumberFormat="0" applyFill="0" applyAlignment="0" applyProtection="0">
      <alignment vertical="center"/>
    </xf>
    <xf numFmtId="0" fontId="38" fillId="23" borderId="39" applyNumberFormat="0" applyAlignment="0" applyProtection="0">
      <alignment vertical="center"/>
    </xf>
    <xf numFmtId="0" fontId="39" fillId="0" borderId="0" applyNumberFormat="0" applyFill="0" applyBorder="0" applyAlignment="0" applyProtection="0">
      <alignment vertical="center"/>
    </xf>
    <xf numFmtId="0" fontId="40" fillId="7" borderId="34" applyNumberFormat="0" applyAlignment="0" applyProtection="0">
      <alignment vertical="center"/>
    </xf>
    <xf numFmtId="0" fontId="5" fillId="0" borderId="0"/>
    <xf numFmtId="0" fontId="41" fillId="4" borderId="0" applyNumberFormat="0" applyBorder="0" applyAlignment="0" applyProtection="0">
      <alignment vertical="center"/>
    </xf>
    <xf numFmtId="0" fontId="42" fillId="0" borderId="0">
      <alignment vertical="center"/>
    </xf>
    <xf numFmtId="0" fontId="5" fillId="0" borderId="0"/>
    <xf numFmtId="38" fontId="5" fillId="0" borderId="0" applyFont="0" applyFill="0" applyBorder="0" applyAlignment="0" applyProtection="0"/>
    <xf numFmtId="38" fontId="5" fillId="0" borderId="0" applyFont="0" applyFill="0" applyBorder="0" applyAlignment="0" applyProtection="0">
      <alignment vertical="center"/>
    </xf>
  </cellStyleXfs>
  <cellXfs count="375">
    <xf numFmtId="0" fontId="0" fillId="0" borderId="0" xfId="0"/>
    <xf numFmtId="38" fontId="9" fillId="0" borderId="0" xfId="2" applyFont="1" applyFill="1" applyBorder="1"/>
    <xf numFmtId="38" fontId="9" fillId="0" borderId="0" xfId="2" applyFont="1" applyFill="1"/>
    <xf numFmtId="40" fontId="9" fillId="0" borderId="0" xfId="2" applyNumberFormat="1" applyFont="1" applyFill="1"/>
    <xf numFmtId="38" fontId="11" fillId="0" borderId="1" xfId="2" applyFont="1" applyFill="1" applyBorder="1" applyAlignment="1">
      <alignment horizontal="center"/>
    </xf>
    <xf numFmtId="38" fontId="9" fillId="0" borderId="0" xfId="2" applyFont="1" applyFill="1" applyAlignment="1">
      <alignment horizontal="right"/>
    </xf>
    <xf numFmtId="38" fontId="9" fillId="0" borderId="0" xfId="2" applyFont="1" applyFill="1" applyAlignment="1">
      <alignment vertical="center"/>
    </xf>
    <xf numFmtId="0" fontId="9" fillId="0" borderId="0" xfId="0" applyFont="1" applyFill="1" applyBorder="1"/>
    <xf numFmtId="0" fontId="9" fillId="0" borderId="0" xfId="0" applyNumberFormat="1" applyFont="1" applyFill="1"/>
    <xf numFmtId="38" fontId="15" fillId="0" borderId="0" xfId="2" applyFont="1" applyFill="1"/>
    <xf numFmtId="38" fontId="12" fillId="0" borderId="0" xfId="2" applyFont="1" applyFill="1"/>
    <xf numFmtId="38" fontId="11" fillId="0" borderId="22" xfId="2" applyFont="1" applyFill="1" applyBorder="1" applyAlignment="1">
      <alignment horizontal="center"/>
    </xf>
    <xf numFmtId="38" fontId="11" fillId="0" borderId="15" xfId="2" applyFont="1" applyFill="1" applyBorder="1" applyAlignment="1">
      <alignment horizontal="center"/>
    </xf>
    <xf numFmtId="0" fontId="9" fillId="0" borderId="15" xfId="0" applyFont="1" applyFill="1" applyBorder="1" applyAlignment="1">
      <alignment horizontal="center"/>
    </xf>
    <xf numFmtId="38" fontId="11" fillId="0" borderId="19" xfId="2" applyFont="1" applyFill="1" applyBorder="1" applyAlignment="1">
      <alignment horizontal="center"/>
    </xf>
    <xf numFmtId="38" fontId="45" fillId="0" borderId="0" xfId="2" quotePrefix="1" applyFont="1" applyFill="1" applyBorder="1" applyAlignment="1" applyProtection="1">
      <alignment vertical="center"/>
    </xf>
    <xf numFmtId="38" fontId="45" fillId="0" borderId="0" xfId="2" applyFont="1" applyFill="1" applyBorder="1" applyAlignment="1" applyProtection="1">
      <alignment vertical="center"/>
    </xf>
    <xf numFmtId="38" fontId="45" fillId="0" borderId="0" xfId="0" applyNumberFormat="1" applyFont="1" applyFill="1"/>
    <xf numFmtId="38" fontId="45" fillId="0" borderId="0" xfId="2" applyFont="1" applyFill="1"/>
    <xf numFmtId="38" fontId="5" fillId="0" borderId="0" xfId="2" applyFont="1" applyFill="1"/>
    <xf numFmtId="38" fontId="9" fillId="0" borderId="0" xfId="2" applyNumberFormat="1" applyFont="1" applyFill="1"/>
    <xf numFmtId="38" fontId="9" fillId="0" borderId="22" xfId="2" quotePrefix="1" applyFont="1" applyFill="1" applyBorder="1" applyAlignment="1">
      <alignment horizontal="center"/>
    </xf>
    <xf numFmtId="38" fontId="9" fillId="0" borderId="13" xfId="2" quotePrefix="1" applyFont="1" applyFill="1" applyBorder="1" applyAlignment="1">
      <alignment horizontal="center"/>
    </xf>
    <xf numFmtId="38" fontId="9" fillId="0" borderId="19" xfId="2" quotePrefix="1" applyFont="1" applyFill="1" applyBorder="1" applyAlignment="1">
      <alignment horizontal="center"/>
    </xf>
    <xf numFmtId="38" fontId="9" fillId="0" borderId="15" xfId="2" applyFont="1" applyFill="1" applyBorder="1" applyAlignment="1">
      <alignment horizontal="left"/>
    </xf>
    <xf numFmtId="38" fontId="9" fillId="0" borderId="15" xfId="2" applyFont="1" applyFill="1" applyBorder="1" applyAlignment="1">
      <alignment horizontal="center"/>
    </xf>
    <xf numFmtId="38" fontId="9" fillId="0" borderId="4" xfId="2" applyFont="1" applyFill="1" applyBorder="1" applyAlignment="1">
      <alignment horizontal="centerContinuous"/>
    </xf>
    <xf numFmtId="38" fontId="9" fillId="0" borderId="1" xfId="2" applyFont="1" applyFill="1" applyBorder="1" applyAlignment="1">
      <alignment horizontal="centerContinuous"/>
    </xf>
    <xf numFmtId="38" fontId="13" fillId="0" borderId="25" xfId="2" applyFont="1" applyFill="1" applyBorder="1"/>
    <xf numFmtId="38" fontId="21" fillId="0" borderId="12" xfId="2" applyFont="1" applyFill="1" applyBorder="1"/>
    <xf numFmtId="182" fontId="9" fillId="0" borderId="12" xfId="2" applyNumberFormat="1" applyFont="1" applyFill="1" applyBorder="1"/>
    <xf numFmtId="38" fontId="9" fillId="0" borderId="12" xfId="2" applyNumberFormat="1" applyFont="1" applyFill="1" applyBorder="1"/>
    <xf numFmtId="4" fontId="9" fillId="0" borderId="12" xfId="2" applyNumberFormat="1" applyFont="1" applyFill="1" applyBorder="1"/>
    <xf numFmtId="3" fontId="9" fillId="0" borderId="12" xfId="2" applyNumberFormat="1" applyFont="1" applyFill="1" applyBorder="1"/>
    <xf numFmtId="38" fontId="9" fillId="0" borderId="12" xfId="2" applyFont="1" applyFill="1" applyBorder="1"/>
    <xf numFmtId="4" fontId="9" fillId="0" borderId="20" xfId="2" applyNumberFormat="1" applyFont="1" applyFill="1" applyBorder="1"/>
    <xf numFmtId="38" fontId="13" fillId="0" borderId="16" xfId="2" applyFont="1" applyFill="1" applyBorder="1"/>
    <xf numFmtId="40" fontId="9" fillId="0" borderId="12" xfId="2" applyNumberFormat="1" applyFont="1" applyFill="1" applyBorder="1"/>
    <xf numFmtId="0" fontId="9" fillId="0" borderId="12" xfId="2" applyNumberFormat="1" applyFont="1" applyFill="1" applyBorder="1"/>
    <xf numFmtId="38" fontId="13" fillId="0" borderId="17" xfId="2" applyFont="1" applyFill="1" applyBorder="1"/>
    <xf numFmtId="38" fontId="21" fillId="0" borderId="2" xfId="2" applyFont="1" applyFill="1" applyBorder="1"/>
    <xf numFmtId="182" fontId="9" fillId="0" borderId="2" xfId="2" applyNumberFormat="1" applyFont="1" applyFill="1" applyBorder="1"/>
    <xf numFmtId="38" fontId="9" fillId="0" borderId="2" xfId="2" applyNumberFormat="1" applyFont="1" applyFill="1" applyBorder="1"/>
    <xf numFmtId="4" fontId="9" fillId="0" borderId="2" xfId="2" applyNumberFormat="1" applyFont="1" applyFill="1" applyBorder="1"/>
    <xf numFmtId="3" fontId="9" fillId="0" borderId="2" xfId="2" applyNumberFormat="1" applyFont="1" applyFill="1" applyBorder="1"/>
    <xf numFmtId="38" fontId="9" fillId="0" borderId="2" xfId="2" applyFont="1" applyFill="1" applyBorder="1"/>
    <xf numFmtId="4" fontId="9" fillId="0" borderId="5" xfId="2" applyNumberFormat="1" applyFont="1" applyFill="1" applyBorder="1"/>
    <xf numFmtId="182" fontId="9" fillId="0" borderId="26" xfId="2" applyNumberFormat="1" applyFont="1" applyFill="1" applyBorder="1"/>
    <xf numFmtId="40" fontId="9" fillId="0" borderId="26" xfId="2" applyNumberFormat="1" applyFont="1" applyFill="1" applyBorder="1"/>
    <xf numFmtId="4" fontId="9" fillId="0" borderId="26" xfId="2" applyNumberFormat="1" applyFont="1" applyFill="1" applyBorder="1"/>
    <xf numFmtId="3" fontId="9" fillId="0" borderId="26" xfId="2" applyNumberFormat="1" applyFont="1" applyFill="1" applyBorder="1"/>
    <xf numFmtId="38" fontId="9" fillId="0" borderId="26" xfId="2" applyNumberFormat="1" applyFont="1" applyFill="1" applyBorder="1"/>
    <xf numFmtId="0" fontId="9" fillId="0" borderId="26" xfId="2" applyNumberFormat="1" applyFont="1" applyFill="1" applyBorder="1"/>
    <xf numFmtId="38" fontId="9" fillId="0" borderId="26" xfId="2" applyFont="1" applyFill="1" applyBorder="1"/>
    <xf numFmtId="4" fontId="9" fillId="0" borderId="27" xfId="2" applyNumberFormat="1" applyFont="1" applyFill="1" applyBorder="1"/>
    <xf numFmtId="182" fontId="9" fillId="0" borderId="18" xfId="2" applyNumberFormat="1" applyFont="1" applyFill="1" applyBorder="1"/>
    <xf numFmtId="40" fontId="9" fillId="0" borderId="18" xfId="2" applyNumberFormat="1" applyFont="1" applyFill="1" applyBorder="1"/>
    <xf numFmtId="4" fontId="9" fillId="0" borderId="18" xfId="2" applyNumberFormat="1" applyFont="1" applyFill="1" applyBorder="1"/>
    <xf numFmtId="3" fontId="9" fillId="0" borderId="18" xfId="2" applyNumberFormat="1" applyFont="1" applyFill="1" applyBorder="1"/>
    <xf numFmtId="38" fontId="9" fillId="0" borderId="18" xfId="2" applyNumberFormat="1" applyFont="1" applyFill="1" applyBorder="1"/>
    <xf numFmtId="0" fontId="9" fillId="0" borderId="18" xfId="2" applyNumberFormat="1" applyFont="1" applyFill="1" applyBorder="1"/>
    <xf numFmtId="38" fontId="9" fillId="0" borderId="18" xfId="2" applyFont="1" applyFill="1" applyBorder="1"/>
    <xf numFmtId="4" fontId="9" fillId="0" borderId="28" xfId="2" applyNumberFormat="1" applyFont="1" applyFill="1" applyBorder="1"/>
    <xf numFmtId="0" fontId="5" fillId="0" borderId="0" xfId="2" applyNumberFormat="1" applyFont="1" applyFill="1" applyBorder="1" applyAlignment="1"/>
    <xf numFmtId="38" fontId="10" fillId="0" borderId="0" xfId="2" applyFont="1" applyFill="1" applyBorder="1" applyAlignment="1">
      <alignment horizontal="center"/>
    </xf>
    <xf numFmtId="38" fontId="10" fillId="0" borderId="0" xfId="2" applyNumberFormat="1" applyFont="1" applyFill="1" applyBorder="1" applyAlignment="1">
      <alignment horizontal="center"/>
    </xf>
    <xf numFmtId="38" fontId="9" fillId="0" borderId="22" xfId="2" applyFont="1" applyFill="1" applyBorder="1" applyAlignment="1">
      <alignment horizontal="center"/>
    </xf>
    <xf numFmtId="38" fontId="9" fillId="0" borderId="22" xfId="2" quotePrefix="1" applyNumberFormat="1" applyFont="1" applyFill="1" applyBorder="1" applyAlignment="1">
      <alignment horizontal="center"/>
    </xf>
    <xf numFmtId="38" fontId="9" fillId="0" borderId="10" xfId="2" applyFont="1" applyFill="1" applyBorder="1" applyAlignment="1">
      <alignment horizontal="center"/>
    </xf>
    <xf numFmtId="38" fontId="9" fillId="0" borderId="15" xfId="2" applyNumberFormat="1" applyFont="1" applyFill="1" applyBorder="1" applyAlignment="1">
      <alignment horizontal="center"/>
    </xf>
    <xf numFmtId="38" fontId="9" fillId="0" borderId="11" xfId="2" applyFont="1" applyFill="1" applyBorder="1" applyAlignment="1">
      <alignment horizontal="center"/>
    </xf>
    <xf numFmtId="38" fontId="9" fillId="0" borderId="1" xfId="2" applyFont="1" applyFill="1" applyBorder="1" applyAlignment="1">
      <alignment horizontal="center"/>
    </xf>
    <xf numFmtId="38" fontId="9" fillId="0" borderId="25" xfId="2" applyFont="1" applyFill="1" applyBorder="1"/>
    <xf numFmtId="38" fontId="19" fillId="0" borderId="12" xfId="2" applyFont="1" applyFill="1" applyBorder="1"/>
    <xf numFmtId="182" fontId="13" fillId="0" borderId="12" xfId="8" applyNumberFormat="1" applyFont="1" applyFill="1" applyBorder="1"/>
    <xf numFmtId="38" fontId="13" fillId="0" borderId="12" xfId="8" applyNumberFormat="1" applyFont="1" applyFill="1" applyBorder="1"/>
    <xf numFmtId="4" fontId="13" fillId="0" borderId="12" xfId="8" applyNumberFormat="1" applyFont="1" applyFill="1" applyBorder="1"/>
    <xf numFmtId="3" fontId="13" fillId="0" borderId="12" xfId="8" applyNumberFormat="1" applyFont="1" applyFill="1" applyBorder="1"/>
    <xf numFmtId="38" fontId="13" fillId="0" borderId="12" xfId="2" applyNumberFormat="1" applyFont="1" applyFill="1" applyBorder="1"/>
    <xf numFmtId="3" fontId="13" fillId="0" borderId="12" xfId="2" applyNumberFormat="1" applyFont="1" applyFill="1" applyBorder="1"/>
    <xf numFmtId="4" fontId="13" fillId="0" borderId="20" xfId="2" applyNumberFormat="1" applyFont="1" applyFill="1" applyBorder="1"/>
    <xf numFmtId="38" fontId="9" fillId="0" borderId="16" xfId="2" applyFont="1" applyFill="1" applyBorder="1"/>
    <xf numFmtId="38" fontId="9" fillId="0" borderId="17" xfId="2" applyFont="1" applyFill="1" applyBorder="1"/>
    <xf numFmtId="38" fontId="19" fillId="0" borderId="2" xfId="2" applyFont="1" applyFill="1" applyBorder="1"/>
    <xf numFmtId="182" fontId="13" fillId="0" borderId="2" xfId="8" applyNumberFormat="1" applyFont="1" applyFill="1" applyBorder="1"/>
    <xf numFmtId="38" fontId="13" fillId="0" borderId="2" xfId="8" applyNumberFormat="1" applyFont="1" applyFill="1" applyBorder="1"/>
    <xf numFmtId="4" fontId="13" fillId="0" borderId="2" xfId="8" applyNumberFormat="1" applyFont="1" applyFill="1" applyBorder="1"/>
    <xf numFmtId="3" fontId="13" fillId="0" borderId="2" xfId="8" applyNumberFormat="1" applyFont="1" applyFill="1" applyBorder="1"/>
    <xf numFmtId="38" fontId="13" fillId="0" borderId="2" xfId="2" applyNumberFormat="1" applyFont="1" applyFill="1" applyBorder="1"/>
    <xf numFmtId="3" fontId="13" fillId="0" borderId="2" xfId="2" applyNumberFormat="1" applyFont="1" applyFill="1" applyBorder="1"/>
    <xf numFmtId="4" fontId="13" fillId="0" borderId="5" xfId="2" applyNumberFormat="1" applyFont="1" applyFill="1" applyBorder="1"/>
    <xf numFmtId="38" fontId="9" fillId="0" borderId="42" xfId="2" applyFont="1" applyFill="1" applyBorder="1"/>
    <xf numFmtId="38" fontId="19" fillId="0" borderId="21" xfId="2" applyFont="1" applyFill="1" applyBorder="1"/>
    <xf numFmtId="182" fontId="13" fillId="0" borderId="21" xfId="8" applyNumberFormat="1" applyFont="1" applyFill="1" applyBorder="1"/>
    <xf numFmtId="38" fontId="13" fillId="0" borderId="21" xfId="8" applyNumberFormat="1" applyFont="1" applyFill="1" applyBorder="1"/>
    <xf numFmtId="4" fontId="13" fillId="0" borderId="21" xfId="8" applyNumberFormat="1" applyFont="1" applyFill="1" applyBorder="1"/>
    <xf numFmtId="3" fontId="13" fillId="0" borderId="21" xfId="8" applyNumberFormat="1" applyFont="1" applyFill="1" applyBorder="1"/>
    <xf numFmtId="38" fontId="13" fillId="0" borderId="21" xfId="2" applyNumberFormat="1" applyFont="1" applyFill="1" applyBorder="1"/>
    <xf numFmtId="3" fontId="13" fillId="0" borderId="21" xfId="2" applyNumberFormat="1" applyFont="1" applyFill="1" applyBorder="1"/>
    <xf numFmtId="4" fontId="13" fillId="0" borderId="3" xfId="2" applyNumberFormat="1" applyFont="1" applyFill="1" applyBorder="1"/>
    <xf numFmtId="182" fontId="13" fillId="0" borderId="26" xfId="8" applyNumberFormat="1" applyFont="1" applyFill="1" applyBorder="1"/>
    <xf numFmtId="40" fontId="13" fillId="0" borderId="26" xfId="8" applyNumberFormat="1" applyFont="1" applyFill="1" applyBorder="1"/>
    <xf numFmtId="4" fontId="13" fillId="0" borderId="26" xfId="8" applyNumberFormat="1" applyFont="1" applyFill="1" applyBorder="1"/>
    <xf numFmtId="38" fontId="13" fillId="0" borderId="26" xfId="8" applyNumberFormat="1" applyFont="1" applyFill="1" applyBorder="1"/>
    <xf numFmtId="3" fontId="13" fillId="0" borderId="26" xfId="8" applyNumberFormat="1" applyFont="1" applyFill="1" applyBorder="1"/>
    <xf numFmtId="38" fontId="13" fillId="0" borderId="26" xfId="2" applyNumberFormat="1" applyFont="1" applyFill="1" applyBorder="1"/>
    <xf numFmtId="183" fontId="13" fillId="0" borderId="26" xfId="2" applyNumberFormat="1" applyFont="1" applyFill="1" applyBorder="1"/>
    <xf numFmtId="4" fontId="13" fillId="0" borderId="27" xfId="2" applyNumberFormat="1" applyFont="1" applyFill="1" applyBorder="1"/>
    <xf numFmtId="182" fontId="13" fillId="0" borderId="18" xfId="8" applyNumberFormat="1" applyFont="1" applyFill="1" applyBorder="1"/>
    <xf numFmtId="40" fontId="13" fillId="0" borderId="18" xfId="8" applyNumberFormat="1" applyFont="1" applyFill="1" applyBorder="1"/>
    <xf numFmtId="4" fontId="13" fillId="0" borderId="18" xfId="8" applyNumberFormat="1" applyFont="1" applyFill="1" applyBorder="1"/>
    <xf numFmtId="38" fontId="13" fillId="0" borderId="18" xfId="8" applyNumberFormat="1" applyFont="1" applyFill="1" applyBorder="1"/>
    <xf numFmtId="3" fontId="13" fillId="0" borderId="18" xfId="8" applyNumberFormat="1" applyFont="1" applyFill="1" applyBorder="1"/>
    <xf numFmtId="38" fontId="13" fillId="0" borderId="18" xfId="2" applyNumberFormat="1" applyFont="1" applyFill="1" applyBorder="1"/>
    <xf numFmtId="183" fontId="13" fillId="0" borderId="18" xfId="2" applyNumberFormat="1" applyFont="1" applyFill="1" applyBorder="1"/>
    <xf numFmtId="4" fontId="13" fillId="0" borderId="28" xfId="2" applyNumberFormat="1" applyFont="1" applyFill="1" applyBorder="1"/>
    <xf numFmtId="38" fontId="13" fillId="0" borderId="14" xfId="2" applyNumberFormat="1" applyFont="1" applyFill="1" applyBorder="1"/>
    <xf numFmtId="38" fontId="13" fillId="0" borderId="12" xfId="2" applyFont="1" applyFill="1" applyBorder="1"/>
    <xf numFmtId="38" fontId="13" fillId="0" borderId="2" xfId="2" applyFont="1" applyFill="1" applyBorder="1"/>
    <xf numFmtId="38" fontId="13" fillId="0" borderId="21" xfId="2" applyFont="1" applyFill="1" applyBorder="1"/>
    <xf numFmtId="38" fontId="13" fillId="0" borderId="26" xfId="2" applyFont="1" applyFill="1" applyBorder="1"/>
    <xf numFmtId="38" fontId="13" fillId="0" borderId="18" xfId="2" applyFont="1" applyFill="1" applyBorder="1"/>
    <xf numFmtId="0" fontId="5" fillId="0" borderId="0" xfId="0" applyNumberFormat="1" applyFont="1" applyFill="1"/>
    <xf numFmtId="0" fontId="9" fillId="0" borderId="22" xfId="0" quotePrefix="1" applyFont="1" applyFill="1" applyBorder="1" applyAlignment="1">
      <alignment horizontal="center"/>
    </xf>
    <xf numFmtId="0" fontId="9" fillId="0" borderId="22" xfId="0" applyNumberFormat="1" applyFont="1" applyFill="1" applyBorder="1" applyAlignment="1">
      <alignment horizontal="center"/>
    </xf>
    <xf numFmtId="0" fontId="9" fillId="0" borderId="22" xfId="0" quotePrefix="1" applyNumberFormat="1" applyFont="1" applyFill="1" applyBorder="1" applyAlignment="1">
      <alignment horizontal="center"/>
    </xf>
    <xf numFmtId="0" fontId="9" fillId="0" borderId="15" xfId="0" applyNumberFormat="1" applyFont="1" applyFill="1" applyBorder="1" applyAlignment="1">
      <alignment horizontal="center"/>
    </xf>
    <xf numFmtId="0" fontId="9" fillId="0" borderId="4" xfId="0" applyNumberFormat="1" applyFont="1" applyFill="1" applyBorder="1" applyAlignment="1">
      <alignment horizontal="center"/>
    </xf>
    <xf numFmtId="0" fontId="9" fillId="0" borderId="25" xfId="0" applyNumberFormat="1" applyFont="1" applyFill="1" applyBorder="1"/>
    <xf numFmtId="0" fontId="19" fillId="0" borderId="12" xfId="0" applyNumberFormat="1" applyFont="1" applyFill="1" applyBorder="1"/>
    <xf numFmtId="40" fontId="13" fillId="0" borderId="12" xfId="7" applyNumberFormat="1" applyFont="1" applyFill="1" applyBorder="1"/>
    <xf numFmtId="38" fontId="13" fillId="0" borderId="12" xfId="7" applyNumberFormat="1" applyFont="1" applyFill="1" applyBorder="1"/>
    <xf numFmtId="4" fontId="13" fillId="0" borderId="12" xfId="7" applyNumberFormat="1" applyFont="1" applyFill="1" applyBorder="1"/>
    <xf numFmtId="3" fontId="13" fillId="0" borderId="12" xfId="7" applyNumberFormat="1" applyFont="1" applyFill="1" applyBorder="1"/>
    <xf numFmtId="2" fontId="13" fillId="0" borderId="12" xfId="0" applyNumberFormat="1" applyFont="1" applyFill="1" applyBorder="1"/>
    <xf numFmtId="0" fontId="13" fillId="0" borderId="12" xfId="0" applyNumberFormat="1" applyFont="1" applyFill="1" applyBorder="1"/>
    <xf numFmtId="4" fontId="13" fillId="0" borderId="20" xfId="1" applyNumberFormat="1" applyFont="1" applyFill="1" applyBorder="1"/>
    <xf numFmtId="0" fontId="9" fillId="0" borderId="16" xfId="0" applyNumberFormat="1" applyFont="1" applyFill="1" applyBorder="1"/>
    <xf numFmtId="0" fontId="9" fillId="0" borderId="17" xfId="0" applyNumberFormat="1" applyFont="1" applyFill="1" applyBorder="1"/>
    <xf numFmtId="0" fontId="19" fillId="0" borderId="2" xfId="0" applyNumberFormat="1" applyFont="1" applyFill="1" applyBorder="1"/>
    <xf numFmtId="40" fontId="13" fillId="0" borderId="2" xfId="7" applyNumberFormat="1" applyFont="1" applyFill="1" applyBorder="1"/>
    <xf numFmtId="38" fontId="13" fillId="0" borderId="2" xfId="7" applyNumberFormat="1" applyFont="1" applyFill="1" applyBorder="1"/>
    <xf numFmtId="4" fontId="13" fillId="0" borderId="2" xfId="7" applyNumberFormat="1" applyFont="1" applyFill="1" applyBorder="1"/>
    <xf numFmtId="3" fontId="13" fillId="0" borderId="2" xfId="7" applyNumberFormat="1" applyFont="1" applyFill="1" applyBorder="1"/>
    <xf numFmtId="2" fontId="13" fillId="0" borderId="2" xfId="0" applyNumberFormat="1" applyFont="1" applyFill="1" applyBorder="1"/>
    <xf numFmtId="0" fontId="13" fillId="0" borderId="2" xfId="0" applyNumberFormat="1" applyFont="1" applyFill="1" applyBorder="1"/>
    <xf numFmtId="4" fontId="13" fillId="0" borderId="5" xfId="1" applyNumberFormat="1" applyFont="1" applyFill="1" applyBorder="1"/>
    <xf numFmtId="40" fontId="13" fillId="0" borderId="26" xfId="7" applyNumberFormat="1" applyFont="1" applyFill="1" applyBorder="1"/>
    <xf numFmtId="38" fontId="13" fillId="0" borderId="26" xfId="7" applyNumberFormat="1" applyFont="1" applyFill="1" applyBorder="1"/>
    <xf numFmtId="4" fontId="13" fillId="0" borderId="26" xfId="7" applyNumberFormat="1" applyFont="1" applyFill="1" applyBorder="1"/>
    <xf numFmtId="2" fontId="13" fillId="0" borderId="26" xfId="0" applyNumberFormat="1" applyFont="1" applyFill="1" applyBorder="1"/>
    <xf numFmtId="0" fontId="13" fillId="0" borderId="26" xfId="0" applyNumberFormat="1" applyFont="1" applyFill="1" applyBorder="1"/>
    <xf numFmtId="4" fontId="13" fillId="0" borderId="27" xfId="1" applyNumberFormat="1" applyFont="1" applyFill="1" applyBorder="1"/>
    <xf numFmtId="40" fontId="13" fillId="0" borderId="18" xfId="7" applyNumberFormat="1" applyFont="1" applyFill="1" applyBorder="1"/>
    <xf numFmtId="38" fontId="13" fillId="0" borderId="18" xfId="7" applyNumberFormat="1" applyFont="1" applyFill="1" applyBorder="1"/>
    <xf numFmtId="4" fontId="13" fillId="0" borderId="18" xfId="7" applyNumberFormat="1" applyFont="1" applyFill="1" applyBorder="1"/>
    <xf numFmtId="2" fontId="13" fillId="0" borderId="18" xfId="0" applyNumberFormat="1" applyFont="1" applyFill="1" applyBorder="1"/>
    <xf numFmtId="0" fontId="13" fillId="0" borderId="18" xfId="0" applyNumberFormat="1" applyFont="1" applyFill="1" applyBorder="1"/>
    <xf numFmtId="4" fontId="13" fillId="0" borderId="28" xfId="1" applyNumberFormat="1" applyFont="1" applyFill="1" applyBorder="1"/>
    <xf numFmtId="0" fontId="9" fillId="0" borderId="0" xfId="0" applyFont="1" applyFill="1"/>
    <xf numFmtId="0" fontId="9" fillId="0" borderId="0" xfId="0" applyFont="1" applyFill="1" applyAlignment="1">
      <alignment horizontal="center"/>
    </xf>
    <xf numFmtId="0" fontId="5" fillId="0" borderId="0" xfId="10" applyFont="1" applyFill="1"/>
    <xf numFmtId="0" fontId="9" fillId="0" borderId="22" xfId="0" applyFont="1" applyFill="1" applyBorder="1" applyAlignment="1">
      <alignment horizontal="center"/>
    </xf>
    <xf numFmtId="0" fontId="9" fillId="0" borderId="25" xfId="0" applyFont="1" applyFill="1" applyBorder="1"/>
    <xf numFmtId="0" fontId="19" fillId="0" borderId="12" xfId="0" applyFont="1" applyFill="1" applyBorder="1"/>
    <xf numFmtId="0" fontId="13" fillId="0" borderId="12" xfId="6" applyNumberFormat="1" applyFont="1" applyFill="1" applyBorder="1" applyAlignment="1"/>
    <xf numFmtId="2" fontId="13" fillId="0" borderId="12" xfId="6" applyNumberFormat="1" applyFont="1" applyFill="1" applyBorder="1" applyAlignment="1"/>
    <xf numFmtId="2" fontId="13" fillId="0" borderId="12" xfId="1" applyNumberFormat="1" applyFont="1" applyFill="1" applyBorder="1"/>
    <xf numFmtId="0" fontId="13" fillId="0" borderId="20" xfId="0" applyNumberFormat="1" applyFont="1" applyFill="1" applyBorder="1" applyAlignment="1"/>
    <xf numFmtId="0" fontId="9" fillId="0" borderId="16" xfId="0" applyFont="1" applyFill="1" applyBorder="1"/>
    <xf numFmtId="2" fontId="13" fillId="0" borderId="12" xfId="6" applyNumberFormat="1" applyFont="1" applyFill="1" applyBorder="1" applyAlignment="1">
      <alignment horizontal="right"/>
    </xf>
    <xf numFmtId="0" fontId="9" fillId="0" borderId="17" xfId="0" applyFont="1" applyFill="1" applyBorder="1"/>
    <xf numFmtId="0" fontId="19" fillId="0" borderId="2" xfId="0" applyFont="1" applyFill="1" applyBorder="1"/>
    <xf numFmtId="0" fontId="13" fillId="0" borderId="2" xfId="6" applyNumberFormat="1" applyFont="1" applyFill="1" applyBorder="1" applyAlignment="1"/>
    <xf numFmtId="2" fontId="13" fillId="0" borderId="2" xfId="6" applyNumberFormat="1" applyFont="1" applyFill="1" applyBorder="1" applyAlignment="1"/>
    <xf numFmtId="2" fontId="13" fillId="0" borderId="2" xfId="1" applyNumberFormat="1" applyFont="1" applyFill="1" applyBorder="1"/>
    <xf numFmtId="0" fontId="13" fillId="0" borderId="5" xfId="0" applyNumberFormat="1" applyFont="1" applyFill="1" applyBorder="1" applyAlignment="1"/>
    <xf numFmtId="0" fontId="9" fillId="0" borderId="42" xfId="0" applyFont="1" applyFill="1" applyBorder="1"/>
    <xf numFmtId="0" fontId="19" fillId="0" borderId="21" xfId="0" applyFont="1" applyFill="1" applyBorder="1"/>
    <xf numFmtId="0" fontId="13" fillId="0" borderId="21" xfId="6" applyNumberFormat="1" applyFont="1" applyFill="1" applyBorder="1" applyAlignment="1"/>
    <xf numFmtId="2" fontId="13" fillId="0" borderId="21" xfId="6" applyNumberFormat="1" applyFont="1" applyFill="1" applyBorder="1" applyAlignment="1"/>
    <xf numFmtId="2" fontId="13" fillId="0" borderId="21" xfId="1" applyNumberFormat="1" applyFont="1" applyFill="1" applyBorder="1"/>
    <xf numFmtId="0" fontId="13" fillId="0" borderId="3" xfId="0" applyNumberFormat="1" applyFont="1" applyFill="1" applyBorder="1" applyAlignment="1"/>
    <xf numFmtId="2" fontId="13" fillId="0" borderId="26" xfId="6" applyNumberFormat="1" applyFont="1" applyFill="1" applyBorder="1" applyAlignment="1"/>
    <xf numFmtId="0" fontId="13" fillId="0" borderId="26" xfId="6" applyNumberFormat="1" applyFont="1" applyFill="1" applyBorder="1" applyAlignment="1"/>
    <xf numFmtId="2" fontId="13" fillId="0" borderId="26" xfId="1" applyNumberFormat="1" applyFont="1" applyFill="1" applyBorder="1"/>
    <xf numFmtId="0" fontId="13" fillId="0" borderId="27" xfId="0" applyNumberFormat="1" applyFont="1" applyFill="1" applyBorder="1" applyAlignment="1"/>
    <xf numFmtId="0" fontId="13" fillId="0" borderId="18" xfId="6" applyNumberFormat="1" applyFont="1" applyFill="1" applyBorder="1" applyAlignment="1"/>
    <xf numFmtId="2" fontId="13" fillId="0" borderId="18" xfId="6" applyNumberFormat="1" applyFont="1" applyFill="1" applyBorder="1" applyAlignment="1"/>
    <xf numFmtId="2" fontId="13" fillId="0" borderId="18" xfId="1" applyNumberFormat="1" applyFont="1" applyFill="1" applyBorder="1"/>
    <xf numFmtId="0" fontId="13" fillId="0" borderId="28" xfId="0" applyNumberFormat="1" applyFont="1" applyFill="1" applyBorder="1" applyAlignment="1"/>
    <xf numFmtId="0" fontId="9" fillId="0" borderId="0" xfId="0" applyNumberFormat="1" applyFont="1" applyFill="1" applyAlignment="1">
      <alignment horizontal="center"/>
    </xf>
    <xf numFmtId="0" fontId="9" fillId="0" borderId="22" xfId="0" applyNumberFormat="1" applyFont="1" applyFill="1" applyBorder="1" applyAlignment="1">
      <alignment horizontal="center" shrinkToFit="1"/>
    </xf>
    <xf numFmtId="0" fontId="9" fillId="0" borderId="10" xfId="0" applyNumberFormat="1" applyFont="1" applyFill="1" applyBorder="1" applyAlignment="1">
      <alignment horizontal="center" shrinkToFit="1"/>
    </xf>
    <xf numFmtId="0" fontId="9" fillId="0" borderId="15" xfId="0" applyNumberFormat="1" applyFont="1" applyFill="1" applyBorder="1" applyAlignment="1">
      <alignment horizontal="center" shrinkToFit="1"/>
    </xf>
    <xf numFmtId="0" fontId="9" fillId="0" borderId="11" xfId="0" applyNumberFormat="1" applyFont="1" applyFill="1" applyBorder="1" applyAlignment="1">
      <alignment horizontal="center" shrinkToFit="1"/>
    </xf>
    <xf numFmtId="0" fontId="9" fillId="0" borderId="25" xfId="0" applyNumberFormat="1" applyFont="1" applyFill="1" applyBorder="1" applyAlignment="1">
      <alignment shrinkToFit="1"/>
    </xf>
    <xf numFmtId="0" fontId="19" fillId="0" borderId="12" xfId="0" applyNumberFormat="1" applyFont="1" applyFill="1" applyBorder="1" applyAlignment="1">
      <alignment shrinkToFit="1"/>
    </xf>
    <xf numFmtId="2" fontId="13" fillId="0" borderId="12" xfId="8" applyNumberFormat="1" applyFont="1" applyFill="1" applyBorder="1" applyAlignment="1">
      <alignment shrinkToFit="1"/>
    </xf>
    <xf numFmtId="187" fontId="13" fillId="0" borderId="12" xfId="8" applyNumberFormat="1" applyFont="1" applyFill="1" applyBorder="1" applyAlignment="1">
      <alignment shrinkToFit="1"/>
    </xf>
    <xf numFmtId="190" fontId="13" fillId="0" borderId="12" xfId="8" applyNumberFormat="1" applyFont="1" applyFill="1" applyBorder="1" applyAlignment="1">
      <alignment shrinkToFit="1"/>
    </xf>
    <xf numFmtId="2" fontId="13" fillId="0" borderId="12" xfId="1" applyNumberFormat="1" applyFont="1" applyFill="1" applyBorder="1" applyAlignment="1">
      <alignment shrinkToFit="1"/>
    </xf>
    <xf numFmtId="38" fontId="13" fillId="0" borderId="20" xfId="2" applyFont="1" applyFill="1" applyBorder="1" applyAlignment="1">
      <alignment shrinkToFit="1"/>
    </xf>
    <xf numFmtId="0" fontId="9" fillId="0" borderId="16" xfId="0" applyNumberFormat="1" applyFont="1" applyFill="1" applyBorder="1" applyAlignment="1">
      <alignment shrinkToFit="1"/>
    </xf>
    <xf numFmtId="0" fontId="9" fillId="0" borderId="17" xfId="0" applyNumberFormat="1" applyFont="1" applyFill="1" applyBorder="1" applyAlignment="1">
      <alignment shrinkToFit="1"/>
    </xf>
    <xf numFmtId="0" fontId="19" fillId="0" borderId="2" xfId="0" applyNumberFormat="1" applyFont="1" applyFill="1" applyBorder="1" applyAlignment="1">
      <alignment shrinkToFit="1"/>
    </xf>
    <xf numFmtId="2" fontId="13" fillId="0" borderId="2" xfId="8" applyNumberFormat="1" applyFont="1" applyFill="1" applyBorder="1" applyAlignment="1">
      <alignment shrinkToFit="1"/>
    </xf>
    <xf numFmtId="187" fontId="13" fillId="0" borderId="2" xfId="8" applyNumberFormat="1" applyFont="1" applyFill="1" applyBorder="1" applyAlignment="1">
      <alignment shrinkToFit="1"/>
    </xf>
    <xf numFmtId="190" fontId="13" fillId="0" borderId="2" xfId="8" applyNumberFormat="1" applyFont="1" applyFill="1" applyBorder="1" applyAlignment="1">
      <alignment shrinkToFit="1"/>
    </xf>
    <xf numFmtId="2" fontId="13" fillId="0" borderId="2" xfId="1" applyNumberFormat="1" applyFont="1" applyFill="1" applyBorder="1" applyAlignment="1">
      <alignment shrinkToFit="1"/>
    </xf>
    <xf numFmtId="38" fontId="13" fillId="0" borderId="5" xfId="2" applyFont="1" applyFill="1" applyBorder="1" applyAlignment="1">
      <alignment shrinkToFit="1"/>
    </xf>
    <xf numFmtId="0" fontId="9" fillId="0" borderId="40" xfId="0" applyNumberFormat="1" applyFont="1" applyFill="1" applyBorder="1" applyAlignment="1">
      <alignment shrinkToFit="1"/>
    </xf>
    <xf numFmtId="0" fontId="19" fillId="0" borderId="26" xfId="0" applyNumberFormat="1" applyFont="1" applyFill="1" applyBorder="1" applyAlignment="1">
      <alignment shrinkToFit="1"/>
    </xf>
    <xf numFmtId="2" fontId="13" fillId="0" borderId="26" xfId="2" applyNumberFormat="1" applyFont="1" applyFill="1" applyBorder="1" applyAlignment="1">
      <alignment horizontal="center" shrinkToFit="1"/>
    </xf>
    <xf numFmtId="187" fontId="13" fillId="0" borderId="26" xfId="2" applyNumberFormat="1" applyFont="1" applyFill="1" applyBorder="1" applyAlignment="1">
      <alignment horizontal="center" shrinkToFit="1"/>
    </xf>
    <xf numFmtId="190" fontId="13" fillId="0" borderId="26" xfId="2" applyNumberFormat="1" applyFont="1" applyFill="1" applyBorder="1" applyAlignment="1">
      <alignment horizontal="center" shrinkToFit="1"/>
    </xf>
    <xf numFmtId="40" fontId="13" fillId="0" borderId="26" xfId="2" applyNumberFormat="1" applyFont="1" applyFill="1" applyBorder="1" applyAlignment="1">
      <alignment horizontal="center" shrinkToFit="1"/>
    </xf>
    <xf numFmtId="38" fontId="13" fillId="0" borderId="27" xfId="2" applyFont="1" applyFill="1" applyBorder="1" applyAlignment="1">
      <alignment horizontal="center" shrinkToFit="1"/>
    </xf>
    <xf numFmtId="0" fontId="9" fillId="0" borderId="42" xfId="0" applyNumberFormat="1" applyFont="1" applyFill="1" applyBorder="1" applyAlignment="1">
      <alignment shrinkToFit="1"/>
    </xf>
    <xf numFmtId="0" fontId="19" fillId="0" borderId="21" xfId="0" applyNumberFormat="1" applyFont="1" applyFill="1" applyBorder="1" applyAlignment="1">
      <alignment shrinkToFit="1"/>
    </xf>
    <xf numFmtId="2" fontId="13" fillId="0" borderId="21" xfId="8" applyNumberFormat="1" applyFont="1" applyFill="1" applyBorder="1" applyAlignment="1">
      <alignment shrinkToFit="1"/>
    </xf>
    <xf numFmtId="187" fontId="13" fillId="0" borderId="21" xfId="8" applyNumberFormat="1" applyFont="1" applyFill="1" applyBorder="1" applyAlignment="1">
      <alignment shrinkToFit="1"/>
    </xf>
    <xf numFmtId="190" fontId="13" fillId="0" borderId="21" xfId="8" applyNumberFormat="1" applyFont="1" applyFill="1" applyBorder="1" applyAlignment="1">
      <alignment shrinkToFit="1"/>
    </xf>
    <xf numFmtId="2" fontId="13" fillId="0" borderId="21" xfId="1" quotePrefix="1" applyNumberFormat="1" applyFont="1" applyFill="1" applyBorder="1" applyAlignment="1">
      <alignment shrinkToFit="1"/>
    </xf>
    <xf numFmtId="38" fontId="13" fillId="0" borderId="3" xfId="2" applyFont="1" applyFill="1" applyBorder="1" applyAlignment="1">
      <alignment shrinkToFit="1"/>
    </xf>
    <xf numFmtId="2" fontId="13" fillId="0" borderId="12" xfId="8" applyNumberFormat="1" applyFont="1" applyFill="1" applyBorder="1" applyAlignment="1">
      <alignment horizontal="center" shrinkToFit="1"/>
    </xf>
    <xf numFmtId="187" fontId="9" fillId="0" borderId="12" xfId="8" applyNumberFormat="1" applyFont="1" applyFill="1" applyBorder="1" applyAlignment="1">
      <alignment horizontal="center" shrinkToFit="1"/>
    </xf>
    <xf numFmtId="38" fontId="9" fillId="0" borderId="20" xfId="2" applyFont="1" applyFill="1" applyBorder="1" applyAlignment="1">
      <alignment horizontal="center" shrinkToFit="1"/>
    </xf>
    <xf numFmtId="38" fontId="9" fillId="0" borderId="12" xfId="8" applyFont="1" applyFill="1" applyBorder="1" applyAlignment="1">
      <alignment horizontal="center" shrinkToFit="1"/>
    </xf>
    <xf numFmtId="38" fontId="9" fillId="0" borderId="2" xfId="8" applyFont="1" applyFill="1" applyBorder="1" applyAlignment="1">
      <alignment horizontal="center" shrinkToFit="1"/>
    </xf>
    <xf numFmtId="187" fontId="9" fillId="0" borderId="2" xfId="8" applyNumberFormat="1" applyFont="1" applyFill="1" applyBorder="1" applyAlignment="1">
      <alignment horizontal="center" shrinkToFit="1"/>
    </xf>
    <xf numFmtId="38" fontId="9" fillId="0" borderId="5" xfId="2" applyFont="1" applyFill="1" applyBorder="1" applyAlignment="1">
      <alignment horizontal="center" shrinkToFit="1"/>
    </xf>
    <xf numFmtId="2" fontId="13" fillId="0" borderId="26" xfId="6" applyNumberFormat="1" applyFont="1" applyFill="1" applyBorder="1" applyAlignment="1">
      <alignment horizontal="right" shrinkToFit="1"/>
    </xf>
    <xf numFmtId="187" fontId="13" fillId="0" borderId="26" xfId="6" applyNumberFormat="1" applyFont="1" applyFill="1" applyBorder="1" applyAlignment="1">
      <alignment horizontal="right" shrinkToFit="1"/>
    </xf>
    <xf numFmtId="190" fontId="13" fillId="0" borderId="26" xfId="6" applyNumberFormat="1" applyFont="1" applyFill="1" applyBorder="1" applyAlignment="1">
      <alignment horizontal="right" shrinkToFit="1"/>
    </xf>
    <xf numFmtId="2" fontId="13" fillId="0" borderId="26" xfId="1" applyNumberFormat="1" applyFont="1" applyFill="1" applyBorder="1" applyAlignment="1">
      <alignment horizontal="right" shrinkToFit="1"/>
    </xf>
    <xf numFmtId="0" fontId="13" fillId="0" borderId="27" xfId="0" applyNumberFormat="1" applyFont="1" applyFill="1" applyBorder="1" applyAlignment="1">
      <alignment horizontal="center" shrinkToFit="1"/>
    </xf>
    <xf numFmtId="0" fontId="13" fillId="0" borderId="27" xfId="0" applyNumberFormat="1" applyFont="1" applyFill="1" applyBorder="1" applyAlignment="1">
      <alignment shrinkToFit="1"/>
    </xf>
    <xf numFmtId="2" fontId="13" fillId="0" borderId="18" xfId="6" applyNumberFormat="1" applyFont="1" applyFill="1" applyBorder="1" applyAlignment="1">
      <alignment horizontal="right" shrinkToFit="1"/>
    </xf>
    <xf numFmtId="187" fontId="13" fillId="0" borderId="18" xfId="6" applyNumberFormat="1" applyFont="1" applyFill="1" applyBorder="1" applyAlignment="1">
      <alignment horizontal="right" shrinkToFit="1"/>
    </xf>
    <xf numFmtId="190" fontId="13" fillId="0" borderId="18" xfId="6" applyNumberFormat="1" applyFont="1" applyFill="1" applyBorder="1" applyAlignment="1">
      <alignment horizontal="right" shrinkToFit="1"/>
    </xf>
    <xf numFmtId="2" fontId="13" fillId="0" borderId="18" xfId="1" applyNumberFormat="1" applyFont="1" applyFill="1" applyBorder="1" applyAlignment="1">
      <alignment horizontal="right" shrinkToFit="1"/>
    </xf>
    <xf numFmtId="0" fontId="13" fillId="0" borderId="28" xfId="0" applyNumberFormat="1" applyFont="1" applyFill="1" applyBorder="1" applyAlignment="1">
      <alignment shrinkToFit="1"/>
    </xf>
    <xf numFmtId="2" fontId="13" fillId="0" borderId="12" xfId="6" applyNumberFormat="1" applyFont="1" applyFill="1" applyBorder="1"/>
    <xf numFmtId="187" fontId="13" fillId="0" borderId="12" xfId="6" applyNumberFormat="1" applyFont="1" applyFill="1" applyBorder="1" applyAlignment="1">
      <alignment horizontal="right"/>
    </xf>
    <xf numFmtId="190" fontId="13" fillId="0" borderId="12" xfId="6" applyNumberFormat="1" applyFont="1" applyFill="1" applyBorder="1" applyAlignment="1">
      <alignment horizontal="right"/>
    </xf>
    <xf numFmtId="0" fontId="13" fillId="0" borderId="20" xfId="0" applyNumberFormat="1" applyFont="1" applyFill="1" applyBorder="1"/>
    <xf numFmtId="2" fontId="13" fillId="0" borderId="2" xfId="6" applyNumberFormat="1" applyFont="1" applyFill="1" applyBorder="1"/>
    <xf numFmtId="187" fontId="13" fillId="0" borderId="2" xfId="6" applyNumberFormat="1" applyFont="1" applyFill="1" applyBorder="1" applyAlignment="1">
      <alignment horizontal="right"/>
    </xf>
    <xf numFmtId="190" fontId="13" fillId="0" borderId="2" xfId="6" applyNumberFormat="1" applyFont="1" applyFill="1" applyBorder="1" applyAlignment="1">
      <alignment horizontal="right"/>
    </xf>
    <xf numFmtId="0" fontId="13" fillId="0" borderId="5" xfId="0" applyNumberFormat="1" applyFont="1" applyFill="1" applyBorder="1"/>
    <xf numFmtId="0" fontId="9" fillId="0" borderId="40" xfId="0" applyNumberFormat="1" applyFont="1" applyFill="1" applyBorder="1"/>
    <xf numFmtId="0" fontId="19" fillId="0" borderId="26" xfId="0" applyNumberFormat="1" applyFont="1" applyFill="1" applyBorder="1"/>
    <xf numFmtId="2" fontId="13" fillId="0" borderId="26" xfId="2" applyNumberFormat="1" applyFont="1" applyFill="1" applyBorder="1" applyAlignment="1">
      <alignment horizontal="center"/>
    </xf>
    <xf numFmtId="187" fontId="13" fillId="0" borderId="26" xfId="2" applyNumberFormat="1" applyFont="1" applyFill="1" applyBorder="1" applyAlignment="1">
      <alignment horizontal="center"/>
    </xf>
    <xf numFmtId="190" fontId="13" fillId="0" borderId="26" xfId="2" applyNumberFormat="1" applyFont="1" applyFill="1" applyBorder="1" applyAlignment="1">
      <alignment horizontal="center"/>
    </xf>
    <xf numFmtId="38" fontId="13" fillId="0" borderId="26" xfId="2" applyFont="1" applyFill="1" applyBorder="1" applyAlignment="1">
      <alignment horizontal="center"/>
    </xf>
    <xf numFmtId="40" fontId="13" fillId="0" borderId="27" xfId="2" applyNumberFormat="1" applyFont="1" applyFill="1" applyBorder="1" applyAlignment="1">
      <alignment horizontal="center"/>
    </xf>
    <xf numFmtId="0" fontId="9" fillId="0" borderId="42" xfId="0" applyNumberFormat="1" applyFont="1" applyFill="1" applyBorder="1"/>
    <xf numFmtId="0" fontId="19" fillId="0" borderId="21" xfId="0" applyNumberFormat="1" applyFont="1" applyFill="1" applyBorder="1"/>
    <xf numFmtId="2" fontId="13" fillId="0" borderId="21" xfId="6" applyNumberFormat="1" applyFont="1" applyFill="1" applyBorder="1" applyAlignment="1">
      <alignment horizontal="right"/>
    </xf>
    <xf numFmtId="187" fontId="13" fillId="0" borderId="21" xfId="6" applyNumberFormat="1" applyFont="1" applyFill="1" applyBorder="1" applyAlignment="1">
      <alignment horizontal="right"/>
    </xf>
    <xf numFmtId="190" fontId="13" fillId="0" borderId="21" xfId="6" applyNumberFormat="1" applyFont="1" applyFill="1" applyBorder="1" applyAlignment="1">
      <alignment horizontal="right"/>
    </xf>
    <xf numFmtId="0" fontId="13" fillId="0" borderId="3" xfId="0" applyNumberFormat="1" applyFont="1" applyFill="1" applyBorder="1" applyAlignment="1">
      <alignment horizontal="right"/>
    </xf>
    <xf numFmtId="0" fontId="13" fillId="0" borderId="20" xfId="0" applyNumberFormat="1" applyFont="1" applyFill="1" applyBorder="1" applyAlignment="1">
      <alignment horizontal="right"/>
    </xf>
    <xf numFmtId="2" fontId="13" fillId="0" borderId="2" xfId="6" applyNumberFormat="1" applyFont="1" applyFill="1" applyBorder="1" applyAlignment="1">
      <alignment horizontal="right"/>
    </xf>
    <xf numFmtId="0" fontId="13" fillId="0" borderId="5" xfId="0" applyNumberFormat="1" applyFont="1" applyFill="1" applyBorder="1" applyAlignment="1">
      <alignment horizontal="right"/>
    </xf>
    <xf numFmtId="2" fontId="13" fillId="0" borderId="26" xfId="6" applyNumberFormat="1" applyFont="1" applyFill="1" applyBorder="1" applyAlignment="1">
      <alignment horizontal="right"/>
    </xf>
    <xf numFmtId="187" fontId="13" fillId="0" borderId="26" xfId="6" applyNumberFormat="1" applyFont="1" applyFill="1" applyBorder="1" applyAlignment="1">
      <alignment horizontal="right"/>
    </xf>
    <xf numFmtId="190" fontId="13" fillId="0" borderId="26" xfId="6" applyNumberFormat="1" applyFont="1" applyFill="1" applyBorder="1" applyAlignment="1">
      <alignment horizontal="right"/>
    </xf>
    <xf numFmtId="0" fontId="13" fillId="0" borderId="27" xfId="0" applyNumberFormat="1" applyFont="1" applyFill="1" applyBorder="1" applyAlignment="1">
      <alignment horizontal="right"/>
    </xf>
    <xf numFmtId="2" fontId="13" fillId="0" borderId="18" xfId="6" applyNumberFormat="1" applyFont="1" applyFill="1" applyBorder="1"/>
    <xf numFmtId="187" fontId="13" fillId="0" borderId="18" xfId="6" applyNumberFormat="1" applyFont="1" applyFill="1" applyBorder="1"/>
    <xf numFmtId="190" fontId="13" fillId="0" borderId="18" xfId="6" applyNumberFormat="1" applyFont="1" applyFill="1" applyBorder="1"/>
    <xf numFmtId="0" fontId="13" fillId="0" borderId="28" xfId="0" applyNumberFormat="1" applyFont="1" applyFill="1" applyBorder="1"/>
    <xf numFmtId="38" fontId="9" fillId="0" borderId="15" xfId="2" applyFont="1" applyFill="1" applyBorder="1" applyAlignment="1">
      <alignment horizontal="center" vertical="center"/>
    </xf>
    <xf numFmtId="38" fontId="11" fillId="0" borderId="41" xfId="2" applyFont="1" applyFill="1" applyBorder="1" applyAlignment="1">
      <alignment horizontal="distributed" justifyLastLine="1"/>
    </xf>
    <xf numFmtId="38" fontId="9" fillId="0" borderId="30" xfId="2" applyFont="1" applyFill="1" applyBorder="1" applyAlignment="1">
      <alignment horizontal="distributed" vertical="center" justifyLastLine="1"/>
    </xf>
    <xf numFmtId="38" fontId="11" fillId="0" borderId="40" xfId="2" applyFont="1" applyFill="1" applyBorder="1" applyAlignment="1">
      <alignment horizontal="distributed" justifyLastLine="1"/>
    </xf>
    <xf numFmtId="38" fontId="23" fillId="0" borderId="40" xfId="2" applyFont="1" applyFill="1" applyBorder="1" applyAlignment="1">
      <alignment horizontal="distributed" justifyLastLine="1"/>
    </xf>
    <xf numFmtId="0" fontId="24" fillId="0" borderId="26" xfId="0" applyFont="1" applyFill="1" applyBorder="1" applyAlignment="1">
      <alignment horizontal="distributed" justifyLastLine="1"/>
    </xf>
    <xf numFmtId="38" fontId="23" fillId="0" borderId="41" xfId="2" applyFont="1" applyFill="1" applyBorder="1" applyAlignment="1">
      <alignment horizontal="distributed" justifyLastLine="1"/>
    </xf>
    <xf numFmtId="0" fontId="24" fillId="0" borderId="18" xfId="0" applyFont="1" applyFill="1" applyBorder="1" applyAlignment="1">
      <alignment horizontal="distributed" justifyLastLine="1"/>
    </xf>
    <xf numFmtId="0" fontId="0" fillId="0" borderId="29" xfId="0" applyFill="1" applyBorder="1" applyAlignment="1">
      <alignment horizontal="distributed" vertical="center" justifyLastLine="1"/>
    </xf>
    <xf numFmtId="0" fontId="0" fillId="0" borderId="24" xfId="0" applyFill="1" applyBorder="1" applyAlignment="1">
      <alignment horizontal="distributed" vertical="center" justifyLastLine="1"/>
    </xf>
    <xf numFmtId="0" fontId="0" fillId="0" borderId="12" xfId="0" applyFill="1" applyBorder="1" applyAlignment="1">
      <alignment horizontal="distributed" vertical="center" justifyLastLine="1"/>
    </xf>
    <xf numFmtId="38" fontId="9" fillId="0" borderId="12" xfId="2" applyFont="1" applyFill="1" applyBorder="1" applyAlignment="1">
      <alignment horizontal="center" vertical="center"/>
    </xf>
    <xf numFmtId="38" fontId="9" fillId="0" borderId="6" xfId="2" quotePrefix="1" applyFont="1" applyFill="1" applyBorder="1" applyAlignment="1">
      <alignment horizontal="center"/>
    </xf>
    <xf numFmtId="38" fontId="9" fillId="0" borderId="7" xfId="2" quotePrefix="1" applyFont="1" applyFill="1" applyBorder="1" applyAlignment="1">
      <alignment horizontal="center"/>
    </xf>
    <xf numFmtId="38" fontId="9" fillId="0" borderId="8" xfId="2" quotePrefix="1" applyFont="1" applyFill="1" applyBorder="1" applyAlignment="1">
      <alignment horizontal="center"/>
    </xf>
    <xf numFmtId="38" fontId="9" fillId="0" borderId="6" xfId="2" applyFont="1" applyFill="1" applyBorder="1" applyAlignment="1">
      <alignment horizontal="center"/>
    </xf>
    <xf numFmtId="38" fontId="9" fillId="0" borderId="7" xfId="2" applyFont="1" applyFill="1" applyBorder="1" applyAlignment="1">
      <alignment horizontal="center"/>
    </xf>
    <xf numFmtId="38" fontId="9" fillId="0" borderId="8" xfId="2" applyFont="1" applyFill="1" applyBorder="1" applyAlignment="1">
      <alignment horizontal="center"/>
    </xf>
    <xf numFmtId="38" fontId="9" fillId="0" borderId="22" xfId="2" applyFont="1" applyFill="1" applyBorder="1" applyAlignment="1">
      <alignment horizontal="center" vertical="center"/>
    </xf>
    <xf numFmtId="38" fontId="9" fillId="0" borderId="15" xfId="2" applyFont="1" applyFill="1" applyBorder="1" applyAlignment="1">
      <alignment horizontal="center" vertical="center"/>
    </xf>
    <xf numFmtId="38" fontId="9" fillId="0" borderId="22" xfId="2" quotePrefix="1" applyFont="1" applyFill="1" applyBorder="1" applyAlignment="1">
      <alignment horizontal="center" vertical="center"/>
    </xf>
    <xf numFmtId="38" fontId="9" fillId="0" borderId="15" xfId="2" quotePrefix="1" applyFont="1" applyFill="1" applyBorder="1" applyAlignment="1">
      <alignment horizontal="center" vertical="center"/>
    </xf>
    <xf numFmtId="0" fontId="9" fillId="0" borderId="29" xfId="0" applyFont="1" applyFill="1" applyBorder="1" applyAlignment="1">
      <alignment horizontal="center"/>
    </xf>
    <xf numFmtId="38" fontId="9" fillId="0" borderId="9" xfId="2" quotePrefix="1" applyFont="1" applyFill="1" applyBorder="1" applyAlignment="1">
      <alignment horizontal="center"/>
    </xf>
    <xf numFmtId="38" fontId="9" fillId="0" borderId="40" xfId="2" applyFont="1" applyFill="1" applyBorder="1" applyAlignment="1">
      <alignment horizontal="distributed" justifyLastLine="1"/>
    </xf>
    <xf numFmtId="38" fontId="9" fillId="0" borderId="26" xfId="2" applyFont="1" applyFill="1" applyBorder="1" applyAlignment="1">
      <alignment horizontal="distributed" justifyLastLine="1"/>
    </xf>
    <xf numFmtId="38" fontId="9" fillId="0" borderId="41" xfId="2" applyFont="1" applyFill="1" applyBorder="1" applyAlignment="1">
      <alignment horizontal="distributed" justifyLastLine="1"/>
    </xf>
    <xf numFmtId="38" fontId="9" fillId="0" borderId="18" xfId="2" applyFont="1" applyFill="1" applyBorder="1" applyAlignment="1">
      <alignment horizontal="distributed" justifyLastLine="1"/>
    </xf>
    <xf numFmtId="38" fontId="9" fillId="0" borderId="29" xfId="2" quotePrefix="1" applyFont="1" applyFill="1" applyBorder="1" applyAlignment="1">
      <alignment horizontal="distributed" vertical="center" justifyLastLine="1"/>
    </xf>
    <xf numFmtId="0" fontId="0" fillId="0" borderId="23" xfId="0" applyFill="1" applyBorder="1" applyAlignment="1">
      <alignment horizontal="distributed" vertical="center" justifyLastLine="1"/>
    </xf>
    <xf numFmtId="0" fontId="0" fillId="0" borderId="6" xfId="0" applyFill="1" applyBorder="1" applyAlignment="1">
      <alignment horizontal="distributed" vertical="center" justifyLastLine="1"/>
    </xf>
    <xf numFmtId="0" fontId="9" fillId="0" borderId="29" xfId="0" quotePrefix="1" applyFont="1" applyFill="1" applyBorder="1" applyAlignment="1">
      <alignment horizontal="distributed" vertical="center" justifyLastLine="1"/>
    </xf>
    <xf numFmtId="0" fontId="9" fillId="0" borderId="29" xfId="0" applyFont="1" applyFill="1" applyBorder="1" applyAlignment="1">
      <alignment horizontal="distributed" vertical="center" justifyLastLine="1"/>
    </xf>
    <xf numFmtId="0" fontId="0" fillId="0" borderId="18" xfId="0" applyFill="1" applyBorder="1" applyAlignment="1">
      <alignment horizontal="distributed" justifyLastLine="1"/>
    </xf>
    <xf numFmtId="0" fontId="9" fillId="0" borderId="30" xfId="0" applyNumberFormat="1" applyFont="1" applyFill="1" applyBorder="1" applyAlignment="1">
      <alignment horizontal="distributed" vertical="center" justifyLastLine="1"/>
    </xf>
    <xf numFmtId="0" fontId="0" fillId="0" borderId="26" xfId="0" applyFill="1" applyBorder="1" applyAlignment="1">
      <alignment horizontal="distributed" justifyLastLine="1"/>
    </xf>
    <xf numFmtId="38" fontId="9" fillId="0" borderId="8" xfId="2" quotePrefix="1" applyFont="1" applyFill="1" applyBorder="1" applyAlignment="1">
      <alignment horizontal="distributed" vertical="center" justifyLastLine="1"/>
    </xf>
    <xf numFmtId="0" fontId="9" fillId="0" borderId="29" xfId="0" quotePrefix="1" applyNumberFormat="1" applyFont="1" applyFill="1" applyBorder="1" applyAlignment="1">
      <alignment horizontal="distributed" vertical="center" justifyLastLine="1"/>
    </xf>
    <xf numFmtId="0" fontId="9" fillId="0" borderId="30" xfId="0" applyFont="1" applyFill="1" applyBorder="1" applyAlignment="1">
      <alignment horizontal="distributed" vertical="center" justifyLastLine="1"/>
    </xf>
    <xf numFmtId="0" fontId="9" fillId="0" borderId="8" xfId="0" quotePrefix="1" applyFont="1" applyFill="1" applyBorder="1" applyAlignment="1">
      <alignment horizontal="distributed" vertical="center" justifyLastLine="1"/>
    </xf>
    <xf numFmtId="38" fontId="9" fillId="0" borderId="41" xfId="2" applyFont="1" applyFill="1" applyBorder="1" applyAlignment="1">
      <alignment horizontal="distributed" shrinkToFit="1"/>
    </xf>
    <xf numFmtId="38" fontId="9" fillId="0" borderId="18" xfId="2" applyFont="1" applyFill="1" applyBorder="1" applyAlignment="1">
      <alignment horizontal="distributed" shrinkToFit="1"/>
    </xf>
    <xf numFmtId="0" fontId="9" fillId="0" borderId="30" xfId="0" applyFont="1" applyFill="1" applyBorder="1" applyAlignment="1">
      <alignment horizontal="distributed" vertical="center" shrinkToFit="1"/>
    </xf>
    <xf numFmtId="0" fontId="0" fillId="0" borderId="29" xfId="0" applyFill="1" applyBorder="1" applyAlignment="1">
      <alignment horizontal="distributed" vertical="center" shrinkToFit="1"/>
    </xf>
    <xf numFmtId="0" fontId="0" fillId="0" borderId="24" xfId="0" applyFill="1" applyBorder="1" applyAlignment="1">
      <alignment horizontal="distributed" vertical="center" shrinkToFit="1"/>
    </xf>
    <xf numFmtId="0" fontId="0" fillId="0" borderId="12" xfId="0" applyFill="1" applyBorder="1" applyAlignment="1">
      <alignment horizontal="distributed" vertical="center" shrinkToFit="1"/>
    </xf>
    <xf numFmtId="38" fontId="9" fillId="0" borderId="40" xfId="2" applyFont="1" applyFill="1" applyBorder="1" applyAlignment="1">
      <alignment horizontal="distributed" shrinkToFit="1"/>
    </xf>
    <xf numFmtId="38" fontId="9" fillId="0" borderId="26" xfId="2" applyFont="1" applyFill="1" applyBorder="1" applyAlignment="1">
      <alignment horizontal="distributed" shrinkToFit="1"/>
    </xf>
    <xf numFmtId="38" fontId="18" fillId="0" borderId="0" xfId="2" applyFont="1" applyFill="1" applyAlignment="1">
      <alignment horizontal="right"/>
    </xf>
    <xf numFmtId="38" fontId="43" fillId="0" borderId="0" xfId="2" applyFont="1" applyFill="1" applyAlignment="1">
      <alignment horizontal="center"/>
    </xf>
    <xf numFmtId="38" fontId="18" fillId="0" borderId="0" xfId="2" quotePrefix="1" applyFont="1" applyFill="1" applyAlignment="1">
      <alignment horizontal="right"/>
    </xf>
    <xf numFmtId="38" fontId="18" fillId="0" borderId="0" xfId="2" applyFont="1" applyFill="1" applyBorder="1" applyAlignment="1">
      <alignment horizontal="right"/>
    </xf>
    <xf numFmtId="38" fontId="44" fillId="0" borderId="0" xfId="2" applyFont="1" applyFill="1"/>
    <xf numFmtId="38" fontId="44" fillId="0" borderId="0" xfId="2" applyFont="1" applyFill="1" applyBorder="1"/>
    <xf numFmtId="10" fontId="9" fillId="0" borderId="0" xfId="1" applyNumberFormat="1" applyFont="1" applyFill="1"/>
    <xf numFmtId="38" fontId="14" fillId="0" borderId="0" xfId="2" applyFont="1" applyFill="1"/>
    <xf numFmtId="37" fontId="15" fillId="0" borderId="0" xfId="3" applyFont="1" applyFill="1"/>
    <xf numFmtId="38" fontId="5" fillId="0" borderId="0" xfId="2" applyFont="1" applyFill="1" applyAlignment="1">
      <alignment horizontal="right" wrapText="1"/>
    </xf>
    <xf numFmtId="38" fontId="10" fillId="0" borderId="0" xfId="2" quotePrefix="1" applyFont="1" applyFill="1" applyAlignment="1">
      <alignment horizontal="left" wrapText="1"/>
    </xf>
    <xf numFmtId="38" fontId="9" fillId="0" borderId="0" xfId="2" applyFont="1" applyFill="1" applyAlignment="1">
      <alignment horizontal="center"/>
    </xf>
    <xf numFmtId="38" fontId="9" fillId="0" borderId="0" xfId="2" applyFont="1" applyFill="1" applyBorder="1" applyAlignment="1" applyProtection="1">
      <alignment vertical="center"/>
    </xf>
    <xf numFmtId="49" fontId="9" fillId="0" borderId="0" xfId="2" applyNumberFormat="1" applyFont="1" applyFill="1" applyBorder="1" applyAlignment="1">
      <alignment horizontal="left"/>
    </xf>
    <xf numFmtId="38" fontId="22" fillId="0" borderId="0" xfId="2" applyFont="1" applyFill="1"/>
    <xf numFmtId="37" fontId="15" fillId="0" borderId="0" xfId="3" quotePrefix="1" applyFont="1" applyFill="1"/>
    <xf numFmtId="38" fontId="10" fillId="0" borderId="0" xfId="2" applyFont="1" applyFill="1" applyAlignment="1">
      <alignment horizontal="left"/>
    </xf>
    <xf numFmtId="38" fontId="16" fillId="0" borderId="0" xfId="2" applyFont="1" applyFill="1"/>
    <xf numFmtId="38" fontId="16" fillId="0" borderId="0" xfId="2" applyNumberFormat="1" applyFont="1" applyFill="1"/>
    <xf numFmtId="195" fontId="9" fillId="0" borderId="0" xfId="2" applyNumberFormat="1" applyFont="1" applyFill="1"/>
    <xf numFmtId="38" fontId="9" fillId="0" borderId="0" xfId="2" applyFont="1" applyFill="1" applyAlignment="1"/>
    <xf numFmtId="0" fontId="0" fillId="0" borderId="0" xfId="0" applyFill="1" applyAlignment="1">
      <alignment vertical="center"/>
    </xf>
    <xf numFmtId="38" fontId="9" fillId="0" borderId="0" xfId="2" applyFont="1" applyFill="1" applyAlignment="1">
      <alignment horizontal="right" vertical="center"/>
    </xf>
    <xf numFmtId="38" fontId="10" fillId="0" borderId="0" xfId="2" applyFont="1" applyFill="1" applyAlignment="1">
      <alignment wrapText="1"/>
    </xf>
    <xf numFmtId="38" fontId="45" fillId="0" borderId="0" xfId="2" applyFont="1" applyFill="1" applyBorder="1"/>
    <xf numFmtId="0" fontId="9" fillId="0" borderId="0" xfId="2" applyNumberFormat="1" applyFont="1" applyFill="1"/>
    <xf numFmtId="0" fontId="9" fillId="0" borderId="0" xfId="0" applyNumberFormat="1" applyFont="1" applyFill="1" applyAlignment="1">
      <alignment vertical="center"/>
    </xf>
    <xf numFmtId="0" fontId="9" fillId="0" borderId="0" xfId="0" applyNumberFormat="1" applyFont="1" applyFill="1" applyBorder="1"/>
    <xf numFmtId="4" fontId="13" fillId="0" borderId="0" xfId="1" applyNumberFormat="1" applyFont="1" applyFill="1" applyBorder="1"/>
    <xf numFmtId="0" fontId="9" fillId="0" borderId="0" xfId="0" applyNumberFormat="1" applyFont="1" applyFill="1" applyAlignment="1">
      <alignment horizontal="right" vertical="center"/>
    </xf>
    <xf numFmtId="0" fontId="9" fillId="0" borderId="0" xfId="0" applyNumberFormat="1" applyFont="1" applyFill="1" applyAlignment="1">
      <alignment horizontal="center" vertical="center" wrapText="1"/>
    </xf>
    <xf numFmtId="0" fontId="9" fillId="0" borderId="0" xfId="0" applyNumberFormat="1" applyFont="1" applyFill="1" applyAlignment="1">
      <alignment horizontal="right" vertical="center" wrapText="1"/>
    </xf>
    <xf numFmtId="0" fontId="9" fillId="0" borderId="0" xfId="0" applyFont="1" applyFill="1" applyAlignment="1">
      <alignment horizontal="center" vertical="center"/>
    </xf>
    <xf numFmtId="0" fontId="9" fillId="0" borderId="0" xfId="0" applyNumberFormat="1" applyFont="1" applyFill="1" applyAlignment="1">
      <alignment horizontal="center" vertical="center" wrapText="1"/>
    </xf>
    <xf numFmtId="38" fontId="9" fillId="0" borderId="0" xfId="0" applyNumberFormat="1" applyFont="1" applyFill="1"/>
    <xf numFmtId="0" fontId="45" fillId="0" borderId="0" xfId="0" applyFont="1" applyFill="1"/>
    <xf numFmtId="0" fontId="9" fillId="0" borderId="0" xfId="0" applyFont="1" applyFill="1" applyAlignment="1"/>
    <xf numFmtId="0" fontId="12" fillId="0" borderId="0" xfId="0" applyFont="1" applyFill="1"/>
    <xf numFmtId="38" fontId="25" fillId="0" borderId="0" xfId="0" applyNumberFormat="1" applyFont="1" applyFill="1"/>
    <xf numFmtId="38" fontId="13" fillId="0" borderId="0" xfId="0" applyNumberFormat="1" applyFont="1" applyFill="1"/>
    <xf numFmtId="0" fontId="16" fillId="0" borderId="0" xfId="0" applyFont="1" applyFill="1" applyAlignment="1"/>
    <xf numFmtId="0" fontId="16" fillId="0" borderId="0" xfId="0" applyFont="1" applyFill="1"/>
    <xf numFmtId="38" fontId="16" fillId="0" borderId="0" xfId="0" applyNumberFormat="1" applyFont="1" applyFill="1"/>
    <xf numFmtId="38" fontId="9" fillId="0" borderId="0" xfId="2" applyFont="1" applyFill="1" applyAlignment="1">
      <alignment horizontal="center" vertical="center"/>
    </xf>
    <xf numFmtId="38" fontId="9" fillId="0" borderId="0" xfId="2" applyFont="1" applyFill="1" applyAlignment="1">
      <alignment horizontal="right" vertical="center" wrapText="1"/>
    </xf>
    <xf numFmtId="0" fontId="9" fillId="0" borderId="0" xfId="0" applyNumberFormat="1" applyFont="1" applyFill="1" applyAlignment="1"/>
    <xf numFmtId="38" fontId="26" fillId="0" borderId="0" xfId="2" applyFont="1" applyFill="1"/>
    <xf numFmtId="0" fontId="10" fillId="0" borderId="0" xfId="0" applyNumberFormat="1" applyFont="1" applyFill="1"/>
    <xf numFmtId="38" fontId="18" fillId="0" borderId="0" xfId="2" applyFont="1" applyFill="1"/>
    <xf numFmtId="38" fontId="13" fillId="0" borderId="0" xfId="2" applyFont="1" applyFill="1"/>
    <xf numFmtId="0" fontId="9" fillId="0" borderId="0" xfId="0" applyNumberFormat="1" applyFont="1" applyFill="1" applyAlignment="1">
      <alignment horizontal="right"/>
    </xf>
    <xf numFmtId="38" fontId="10" fillId="0" borderId="0" xfId="0" applyNumberFormat="1" applyFont="1" applyFill="1"/>
  </cellXfs>
  <cellStyles count="59">
    <cellStyle name="20% - アクセント 1 2" xfId="12"/>
    <cellStyle name="20% - アクセント 2 2" xfId="13"/>
    <cellStyle name="20% - アクセント 3 2" xfId="14"/>
    <cellStyle name="20% - アクセント 4 2" xfId="15"/>
    <cellStyle name="20% - アクセント 5 2" xfId="16"/>
    <cellStyle name="20% - アクセント 6 2" xfId="17"/>
    <cellStyle name="40% - アクセント 1 2" xfId="18"/>
    <cellStyle name="40% - アクセント 2 2" xfId="19"/>
    <cellStyle name="40% - アクセント 3 2" xfId="20"/>
    <cellStyle name="40% - アクセント 4 2" xfId="21"/>
    <cellStyle name="40% - アクセント 5 2" xfId="22"/>
    <cellStyle name="40% - アクセント 6 2" xfId="23"/>
    <cellStyle name="60% - アクセント 1 2" xfId="24"/>
    <cellStyle name="60% - アクセント 2 2" xfId="25"/>
    <cellStyle name="60% - アクセント 3 2" xfId="26"/>
    <cellStyle name="60% - アクセント 4 2" xfId="27"/>
    <cellStyle name="60% - アクセント 5 2" xfId="28"/>
    <cellStyle name="60% - アクセント 6 2" xfId="29"/>
    <cellStyle name="アクセント 1 2" xfId="30"/>
    <cellStyle name="アクセント 2 2" xfId="31"/>
    <cellStyle name="アクセント 3 2" xfId="32"/>
    <cellStyle name="アクセント 4 2" xfId="33"/>
    <cellStyle name="アクセント 5 2" xfId="34"/>
    <cellStyle name="アクセント 6 2" xfId="35"/>
    <cellStyle name="タイトル 2" xfId="36"/>
    <cellStyle name="チェック セル 2" xfId="37"/>
    <cellStyle name="どちらでもない 2" xfId="38"/>
    <cellStyle name="パーセント" xfId="1" builtinId="5"/>
    <cellStyle name="パーセント 2" xfId="7"/>
    <cellStyle name="メモ 2" xfId="39"/>
    <cellStyle name="リンク セル 2" xfId="40"/>
    <cellStyle name="悪い 2" xfId="41"/>
    <cellStyle name="計算 2" xfId="42"/>
    <cellStyle name="警告文 2" xfId="43"/>
    <cellStyle name="桁区切り" xfId="2" builtinId="6"/>
    <cellStyle name="桁区切り 2" xfId="8"/>
    <cellStyle name="桁区切り 2 2" xfId="44"/>
    <cellStyle name="桁区切り 3" xfId="57"/>
    <cellStyle name="桁区切り 4" xfId="58"/>
    <cellStyle name="見出し 1 2" xfId="45"/>
    <cellStyle name="見出し 2 2" xfId="46"/>
    <cellStyle name="見出し 3 2" xfId="47"/>
    <cellStyle name="見出し 4 2" xfId="48"/>
    <cellStyle name="集計 2" xfId="49"/>
    <cellStyle name="出力 2" xfId="50"/>
    <cellStyle name="説明文 2" xfId="51"/>
    <cellStyle name="入力 2" xfId="52"/>
    <cellStyle name="標準" xfId="0" builtinId="0"/>
    <cellStyle name="標準 2" xfId="6"/>
    <cellStyle name="標準 2 2" xfId="53"/>
    <cellStyle name="標準 3" xfId="5"/>
    <cellStyle name="標準 3 2" xfId="56"/>
    <cellStyle name="標準 3 3" xfId="55"/>
    <cellStyle name="標準 4" xfId="9"/>
    <cellStyle name="標準 5" xfId="10"/>
    <cellStyle name="標準 6" xfId="11"/>
    <cellStyle name="標準_単独集計" xfId="3"/>
    <cellStyle name="未定義" xfId="4"/>
    <cellStyle name="良い 2" xfId="54"/>
  </cellStyles>
  <dxfs count="0"/>
  <tableStyles count="0" defaultTableStyle="TableStyleMedium9" defaultPivotStyle="PivotStyleLight16"/>
  <colors>
    <mruColors>
      <color rgb="FFCCECFF"/>
      <color rgb="FFCC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/>
  <dimension ref="A1:V43"/>
  <sheetViews>
    <sheetView zoomScaleNormal="100" zoomScaleSheetLayoutView="120" workbookViewId="0">
      <pane xSplit="2" ySplit="5" topLeftCell="C6" activePane="bottomRight" state="frozen"/>
      <selection pane="topRight" activeCell="X1" sqref="X1"/>
      <selection pane="bottomLeft" activeCell="A6" sqref="A6"/>
      <selection pane="bottomRight"/>
    </sheetView>
  </sheetViews>
  <sheetFormatPr defaultColWidth="9" defaultRowHeight="13.2" x14ac:dyDescent="0.2"/>
  <cols>
    <col min="1" max="1" width="3.6640625" style="2" customWidth="1"/>
    <col min="2" max="2" width="9.88671875" style="2" customWidth="1"/>
    <col min="3" max="3" width="8.109375" style="2" customWidth="1"/>
    <col min="4" max="4" width="3.109375" style="2" customWidth="1"/>
    <col min="5" max="5" width="5.88671875" style="2" customWidth="1"/>
    <col min="6" max="6" width="8.109375" style="2" customWidth="1"/>
    <col min="7" max="7" width="3.109375" style="2" customWidth="1"/>
    <col min="8" max="8" width="5.88671875" style="2" customWidth="1"/>
    <col min="9" max="9" width="7.44140625" style="2" customWidth="1"/>
    <col min="10" max="10" width="3.109375" style="20" customWidth="1"/>
    <col min="11" max="11" width="5.88671875" style="2" customWidth="1"/>
    <col min="12" max="12" width="7.44140625" style="2" customWidth="1"/>
    <col min="13" max="13" width="3.109375" style="2" customWidth="1"/>
    <col min="14" max="14" width="5.88671875" style="2" customWidth="1"/>
    <col min="15" max="15" width="8.109375" style="2" customWidth="1"/>
    <col min="16" max="16" width="3.109375" style="2" customWidth="1"/>
    <col min="17" max="17" width="5.88671875" style="2" customWidth="1"/>
    <col min="18" max="18" width="4" style="2" customWidth="1"/>
    <col min="19" max="19" width="20.21875" style="19" bestFit="1" customWidth="1"/>
    <col min="20" max="20" width="21.33203125" style="19" bestFit="1" customWidth="1"/>
    <col min="21" max="21" width="9" style="2"/>
    <col min="22" max="22" width="10" style="2" bestFit="1" customWidth="1"/>
    <col min="23" max="23" width="12.33203125" style="2" bestFit="1" customWidth="1"/>
    <col min="24" max="16384" width="9" style="2"/>
  </cols>
  <sheetData>
    <row r="1" spans="1:22" ht="15.75" customHeight="1" x14ac:dyDescent="0.2">
      <c r="A1" s="19" t="s">
        <v>74</v>
      </c>
      <c r="O1" s="9"/>
      <c r="P1" s="9"/>
      <c r="Q1" s="9"/>
      <c r="R1" s="9"/>
      <c r="S1" s="323"/>
      <c r="T1" s="323"/>
    </row>
    <row r="2" spans="1:22" ht="15.75" customHeight="1" thickBot="1" x14ac:dyDescent="0.25">
      <c r="A2" s="19"/>
      <c r="B2" s="19" t="s">
        <v>75</v>
      </c>
      <c r="O2" s="9"/>
      <c r="P2" s="9"/>
      <c r="Q2" s="9"/>
      <c r="R2" s="9"/>
      <c r="S2" s="324"/>
      <c r="T2" s="324"/>
    </row>
    <row r="3" spans="1:22" ht="15" customHeight="1" x14ac:dyDescent="0.15">
      <c r="A3" s="277" t="s">
        <v>0</v>
      </c>
      <c r="B3" s="283"/>
      <c r="C3" s="287" t="s">
        <v>82</v>
      </c>
      <c r="D3" s="288"/>
      <c r="E3" s="289"/>
      <c r="F3" s="290" t="s">
        <v>83</v>
      </c>
      <c r="G3" s="291"/>
      <c r="H3" s="292"/>
      <c r="I3" s="297" t="s">
        <v>87</v>
      </c>
      <c r="J3" s="297"/>
      <c r="K3" s="297"/>
      <c r="L3" s="287" t="s">
        <v>90</v>
      </c>
      <c r="M3" s="288"/>
      <c r="N3" s="289"/>
      <c r="O3" s="287" t="s">
        <v>100</v>
      </c>
      <c r="P3" s="288"/>
      <c r="Q3" s="298"/>
      <c r="S3" s="325"/>
      <c r="T3" s="323"/>
    </row>
    <row r="4" spans="1:22" ht="15" customHeight="1" x14ac:dyDescent="0.15">
      <c r="A4" s="284"/>
      <c r="B4" s="285"/>
      <c r="C4" s="293" t="s">
        <v>2</v>
      </c>
      <c r="D4" s="11" t="s">
        <v>47</v>
      </c>
      <c r="E4" s="21" t="s">
        <v>95</v>
      </c>
      <c r="F4" s="293" t="s">
        <v>69</v>
      </c>
      <c r="G4" s="11" t="s">
        <v>47</v>
      </c>
      <c r="H4" s="21" t="s">
        <v>86</v>
      </c>
      <c r="I4" s="295" t="s">
        <v>2</v>
      </c>
      <c r="J4" s="11" t="s">
        <v>47</v>
      </c>
      <c r="K4" s="21" t="s">
        <v>96</v>
      </c>
      <c r="L4" s="286" t="s">
        <v>69</v>
      </c>
      <c r="M4" s="11" t="s">
        <v>47</v>
      </c>
      <c r="N4" s="22" t="s">
        <v>89</v>
      </c>
      <c r="O4" s="286" t="s">
        <v>69</v>
      </c>
      <c r="P4" s="11" t="s">
        <v>47</v>
      </c>
      <c r="Q4" s="23" t="s">
        <v>97</v>
      </c>
      <c r="S4" s="323"/>
      <c r="T4" s="323"/>
    </row>
    <row r="5" spans="1:22" s="1" customFormat="1" ht="15" customHeight="1" x14ac:dyDescent="0.15">
      <c r="A5" s="284"/>
      <c r="B5" s="285"/>
      <c r="C5" s="294"/>
      <c r="D5" s="12" t="s">
        <v>50</v>
      </c>
      <c r="E5" s="24" t="s">
        <v>1</v>
      </c>
      <c r="F5" s="294"/>
      <c r="G5" s="12" t="s">
        <v>50</v>
      </c>
      <c r="H5" s="275" t="s">
        <v>60</v>
      </c>
      <c r="I5" s="296"/>
      <c r="J5" s="12" t="s">
        <v>50</v>
      </c>
      <c r="K5" s="25" t="s">
        <v>1</v>
      </c>
      <c r="L5" s="286"/>
      <c r="M5" s="12" t="s">
        <v>50</v>
      </c>
      <c r="N5" s="26" t="s">
        <v>60</v>
      </c>
      <c r="O5" s="286"/>
      <c r="P5" s="12" t="s">
        <v>50</v>
      </c>
      <c r="Q5" s="27" t="s">
        <v>72</v>
      </c>
      <c r="S5" s="326"/>
      <c r="T5" s="326"/>
    </row>
    <row r="6" spans="1:22" ht="21.9" customHeight="1" x14ac:dyDescent="0.2">
      <c r="A6" s="28">
        <v>1</v>
      </c>
      <c r="B6" s="29" t="s">
        <v>3</v>
      </c>
      <c r="C6" s="30">
        <v>936044</v>
      </c>
      <c r="D6" s="31">
        <v>6</v>
      </c>
      <c r="E6" s="32">
        <v>-0.17</v>
      </c>
      <c r="F6" s="30">
        <v>932325</v>
      </c>
      <c r="G6" s="31">
        <v>8</v>
      </c>
      <c r="H6" s="32">
        <v>-0.4</v>
      </c>
      <c r="I6" s="33">
        <v>932887</v>
      </c>
      <c r="J6" s="31">
        <v>5</v>
      </c>
      <c r="K6" s="32">
        <v>0.06</v>
      </c>
      <c r="L6" s="34">
        <v>933578</v>
      </c>
      <c r="M6" s="33">
        <v>6</v>
      </c>
      <c r="N6" s="32">
        <v>7.0000000000000007E-2</v>
      </c>
      <c r="O6" s="31">
        <v>932095</v>
      </c>
      <c r="P6" s="34">
        <v>4</v>
      </c>
      <c r="Q6" s="35">
        <v>-0.16</v>
      </c>
      <c r="R6" s="9"/>
      <c r="S6" s="327"/>
      <c r="T6" s="328"/>
      <c r="U6" s="329"/>
      <c r="V6" s="18"/>
    </row>
    <row r="7" spans="1:22" ht="21.9" customHeight="1" x14ac:dyDescent="0.2">
      <c r="A7" s="36">
        <v>2</v>
      </c>
      <c r="B7" s="29" t="s">
        <v>5</v>
      </c>
      <c r="C7" s="30">
        <v>994591</v>
      </c>
      <c r="D7" s="31">
        <v>4</v>
      </c>
      <c r="E7" s="37">
        <v>0.54</v>
      </c>
      <c r="F7" s="30">
        <v>1001580</v>
      </c>
      <c r="G7" s="31">
        <v>4</v>
      </c>
      <c r="H7" s="37">
        <v>0.7</v>
      </c>
      <c r="I7" s="33">
        <v>1020017</v>
      </c>
      <c r="J7" s="31">
        <v>3</v>
      </c>
      <c r="K7" s="37">
        <v>1.84</v>
      </c>
      <c r="L7" s="34">
        <v>1012540</v>
      </c>
      <c r="M7" s="33">
        <v>2</v>
      </c>
      <c r="N7" s="32">
        <v>-0.73</v>
      </c>
      <c r="O7" s="31">
        <v>997747</v>
      </c>
      <c r="P7" s="34">
        <v>3</v>
      </c>
      <c r="Q7" s="35">
        <v>-1.46</v>
      </c>
      <c r="R7" s="9"/>
      <c r="S7" s="327"/>
      <c r="T7" s="328"/>
      <c r="V7" s="18"/>
    </row>
    <row r="8" spans="1:22" ht="21.9" customHeight="1" x14ac:dyDescent="0.2">
      <c r="A8" s="36">
        <v>3</v>
      </c>
      <c r="B8" s="29" t="s">
        <v>6</v>
      </c>
      <c r="C8" s="30">
        <v>677040</v>
      </c>
      <c r="D8" s="31">
        <v>33</v>
      </c>
      <c r="E8" s="32">
        <v>1.64</v>
      </c>
      <c r="F8" s="30">
        <v>666248</v>
      </c>
      <c r="G8" s="31">
        <v>31</v>
      </c>
      <c r="H8" s="37">
        <v>-1.59</v>
      </c>
      <c r="I8" s="33">
        <v>663330</v>
      </c>
      <c r="J8" s="31">
        <v>32</v>
      </c>
      <c r="K8" s="38">
        <v>-0.44</v>
      </c>
      <c r="L8" s="34">
        <v>668672</v>
      </c>
      <c r="M8" s="33">
        <v>33</v>
      </c>
      <c r="N8" s="32">
        <v>0.81</v>
      </c>
      <c r="O8" s="31">
        <v>715054</v>
      </c>
      <c r="P8" s="34">
        <v>27</v>
      </c>
      <c r="Q8" s="35">
        <v>6.94</v>
      </c>
      <c r="S8" s="327"/>
      <c r="T8" s="328"/>
      <c r="V8" s="18"/>
    </row>
    <row r="9" spans="1:22" ht="21.9" customHeight="1" x14ac:dyDescent="0.2">
      <c r="A9" s="36">
        <v>4</v>
      </c>
      <c r="B9" s="29" t="s">
        <v>7</v>
      </c>
      <c r="C9" s="30">
        <v>744977</v>
      </c>
      <c r="D9" s="31">
        <v>26</v>
      </c>
      <c r="E9" s="37">
        <v>-0.04</v>
      </c>
      <c r="F9" s="30">
        <v>736921</v>
      </c>
      <c r="G9" s="31">
        <v>23</v>
      </c>
      <c r="H9" s="32">
        <v>-1.08</v>
      </c>
      <c r="I9" s="33">
        <v>745546</v>
      </c>
      <c r="J9" s="31">
        <v>23</v>
      </c>
      <c r="K9" s="38">
        <v>1.17</v>
      </c>
      <c r="L9" s="34">
        <v>758506</v>
      </c>
      <c r="M9" s="33">
        <v>16</v>
      </c>
      <c r="N9" s="32">
        <v>1.74</v>
      </c>
      <c r="O9" s="31">
        <v>741193</v>
      </c>
      <c r="P9" s="34">
        <v>19</v>
      </c>
      <c r="Q9" s="35">
        <v>-2.2799999999999998</v>
      </c>
      <c r="S9" s="327"/>
      <c r="T9" s="328"/>
      <c r="V9" s="18"/>
    </row>
    <row r="10" spans="1:22" ht="21.9" customHeight="1" x14ac:dyDescent="0.2">
      <c r="A10" s="36">
        <v>5</v>
      </c>
      <c r="B10" s="29" t="s">
        <v>8</v>
      </c>
      <c r="C10" s="30">
        <v>1062467</v>
      </c>
      <c r="D10" s="31">
        <v>1</v>
      </c>
      <c r="E10" s="32">
        <v>-0.81</v>
      </c>
      <c r="F10" s="30">
        <v>1088534</v>
      </c>
      <c r="G10" s="31">
        <v>1</v>
      </c>
      <c r="H10" s="32">
        <v>2.4500000000000002</v>
      </c>
      <c r="I10" s="33">
        <v>1183013</v>
      </c>
      <c r="J10" s="31">
        <v>1</v>
      </c>
      <c r="K10" s="38">
        <v>8.68</v>
      </c>
      <c r="L10" s="34">
        <v>1097195</v>
      </c>
      <c r="M10" s="33">
        <v>1</v>
      </c>
      <c r="N10" s="32">
        <v>-7.25</v>
      </c>
      <c r="O10" s="31">
        <v>1249596</v>
      </c>
      <c r="P10" s="34">
        <v>1</v>
      </c>
      <c r="Q10" s="35">
        <v>13.89</v>
      </c>
      <c r="S10" s="327"/>
      <c r="T10" s="328"/>
      <c r="V10" s="18"/>
    </row>
    <row r="11" spans="1:22" ht="21.75" customHeight="1" x14ac:dyDescent="0.2">
      <c r="A11" s="36">
        <v>6</v>
      </c>
      <c r="B11" s="29" t="s">
        <v>9</v>
      </c>
      <c r="C11" s="30">
        <v>946815</v>
      </c>
      <c r="D11" s="31">
        <v>5</v>
      </c>
      <c r="E11" s="32">
        <v>2.72</v>
      </c>
      <c r="F11" s="30">
        <v>945339</v>
      </c>
      <c r="G11" s="31">
        <v>7</v>
      </c>
      <c r="H11" s="37">
        <v>-0.16</v>
      </c>
      <c r="I11" s="33">
        <v>989328</v>
      </c>
      <c r="J11" s="31">
        <v>4</v>
      </c>
      <c r="K11" s="38">
        <v>4.6500000000000004</v>
      </c>
      <c r="L11" s="34">
        <v>918449</v>
      </c>
      <c r="M11" s="33">
        <v>8</v>
      </c>
      <c r="N11" s="32">
        <v>-7.16</v>
      </c>
      <c r="O11" s="31">
        <v>890984</v>
      </c>
      <c r="P11" s="34">
        <v>6</v>
      </c>
      <c r="Q11" s="35">
        <v>-2.99</v>
      </c>
      <c r="S11" s="327"/>
      <c r="T11" s="328"/>
      <c r="V11" s="18"/>
    </row>
    <row r="12" spans="1:22" ht="21.9" customHeight="1" x14ac:dyDescent="0.2">
      <c r="A12" s="36">
        <v>7</v>
      </c>
      <c r="B12" s="29" t="s">
        <v>10</v>
      </c>
      <c r="C12" s="30">
        <v>728877</v>
      </c>
      <c r="D12" s="31">
        <v>28</v>
      </c>
      <c r="E12" s="37">
        <v>-10.9</v>
      </c>
      <c r="F12" s="30">
        <v>691307</v>
      </c>
      <c r="G12" s="31">
        <v>30</v>
      </c>
      <c r="H12" s="32">
        <v>-5.15</v>
      </c>
      <c r="I12" s="33">
        <v>714468</v>
      </c>
      <c r="J12" s="31">
        <v>29</v>
      </c>
      <c r="K12" s="38">
        <v>3.35</v>
      </c>
      <c r="L12" s="34">
        <v>729262</v>
      </c>
      <c r="M12" s="33">
        <v>25</v>
      </c>
      <c r="N12" s="32">
        <v>2.0699999999999998</v>
      </c>
      <c r="O12" s="31">
        <v>727837</v>
      </c>
      <c r="P12" s="34">
        <v>22</v>
      </c>
      <c r="Q12" s="35">
        <v>-0.2</v>
      </c>
      <c r="S12" s="327"/>
      <c r="T12" s="328"/>
      <c r="V12" s="18"/>
    </row>
    <row r="13" spans="1:22" ht="21.9" customHeight="1" x14ac:dyDescent="0.2">
      <c r="A13" s="36">
        <v>8</v>
      </c>
      <c r="B13" s="29" t="s">
        <v>11</v>
      </c>
      <c r="C13" s="30">
        <v>866525</v>
      </c>
      <c r="D13" s="31">
        <v>9</v>
      </c>
      <c r="E13" s="32">
        <v>2.2000000000000002</v>
      </c>
      <c r="F13" s="30">
        <v>838236</v>
      </c>
      <c r="G13" s="31">
        <v>11</v>
      </c>
      <c r="H13" s="37">
        <v>-3.26</v>
      </c>
      <c r="I13" s="33">
        <v>885352</v>
      </c>
      <c r="J13" s="31">
        <v>8</v>
      </c>
      <c r="K13" s="38">
        <v>5.62</v>
      </c>
      <c r="L13" s="34">
        <v>823720</v>
      </c>
      <c r="M13" s="33">
        <v>10</v>
      </c>
      <c r="N13" s="32">
        <v>-6.96</v>
      </c>
      <c r="O13" s="31">
        <v>860862</v>
      </c>
      <c r="P13" s="34">
        <v>8</v>
      </c>
      <c r="Q13" s="35">
        <v>4.51</v>
      </c>
      <c r="S13" s="327"/>
      <c r="T13" s="328"/>
      <c r="V13" s="18"/>
    </row>
    <row r="14" spans="1:22" ht="21.9" customHeight="1" x14ac:dyDescent="0.2">
      <c r="A14" s="36">
        <v>9</v>
      </c>
      <c r="B14" s="29" t="s">
        <v>12</v>
      </c>
      <c r="C14" s="30">
        <v>1016853</v>
      </c>
      <c r="D14" s="31">
        <v>3</v>
      </c>
      <c r="E14" s="32">
        <v>5.87</v>
      </c>
      <c r="F14" s="30">
        <v>951836</v>
      </c>
      <c r="G14" s="31">
        <v>6</v>
      </c>
      <c r="H14" s="37">
        <v>-6.39</v>
      </c>
      <c r="I14" s="33">
        <v>911973</v>
      </c>
      <c r="J14" s="31">
        <v>6</v>
      </c>
      <c r="K14" s="38">
        <v>-4.1900000000000004</v>
      </c>
      <c r="L14" s="34">
        <v>952954</v>
      </c>
      <c r="M14" s="33">
        <v>4</v>
      </c>
      <c r="N14" s="32">
        <v>4.49</v>
      </c>
      <c r="O14" s="31">
        <v>898023</v>
      </c>
      <c r="P14" s="34">
        <v>5</v>
      </c>
      <c r="Q14" s="35">
        <v>-5.76</v>
      </c>
      <c r="S14" s="327"/>
      <c r="T14" s="328"/>
      <c r="V14" s="18"/>
    </row>
    <row r="15" spans="1:22" ht="21.9" customHeight="1" x14ac:dyDescent="0.2">
      <c r="A15" s="36">
        <v>10</v>
      </c>
      <c r="B15" s="29" t="s">
        <v>13</v>
      </c>
      <c r="C15" s="30">
        <v>793115</v>
      </c>
      <c r="D15" s="31">
        <v>15</v>
      </c>
      <c r="E15" s="32">
        <v>-2.57</v>
      </c>
      <c r="F15" s="30">
        <v>792190</v>
      </c>
      <c r="G15" s="31">
        <v>16</v>
      </c>
      <c r="H15" s="32">
        <v>-0.12</v>
      </c>
      <c r="I15" s="33">
        <v>788836</v>
      </c>
      <c r="J15" s="31">
        <v>18</v>
      </c>
      <c r="K15" s="32">
        <v>-0.42</v>
      </c>
      <c r="L15" s="34">
        <v>777482</v>
      </c>
      <c r="M15" s="33">
        <v>14</v>
      </c>
      <c r="N15" s="32">
        <v>-1.44</v>
      </c>
      <c r="O15" s="31">
        <v>767078</v>
      </c>
      <c r="P15" s="34">
        <v>14</v>
      </c>
      <c r="Q15" s="35">
        <v>-1.34</v>
      </c>
      <c r="S15" s="327"/>
      <c r="T15" s="328"/>
      <c r="V15" s="18"/>
    </row>
    <row r="16" spans="1:22" ht="21.9" customHeight="1" x14ac:dyDescent="0.2">
      <c r="A16" s="36">
        <v>11</v>
      </c>
      <c r="B16" s="29" t="s">
        <v>14</v>
      </c>
      <c r="C16" s="30">
        <v>796861</v>
      </c>
      <c r="D16" s="31">
        <v>14</v>
      </c>
      <c r="E16" s="32">
        <v>10.72</v>
      </c>
      <c r="F16" s="30">
        <v>820973</v>
      </c>
      <c r="G16" s="31">
        <v>13</v>
      </c>
      <c r="H16" s="37">
        <v>3.03</v>
      </c>
      <c r="I16" s="33">
        <v>877354</v>
      </c>
      <c r="J16" s="31">
        <v>10</v>
      </c>
      <c r="K16" s="37">
        <v>6.87</v>
      </c>
      <c r="L16" s="34">
        <v>874811</v>
      </c>
      <c r="M16" s="33">
        <v>9</v>
      </c>
      <c r="N16" s="32">
        <v>-0.28999999999999998</v>
      </c>
      <c r="O16" s="31">
        <v>681493</v>
      </c>
      <c r="P16" s="34">
        <v>32</v>
      </c>
      <c r="Q16" s="35">
        <v>-22.1</v>
      </c>
      <c r="S16" s="327"/>
      <c r="T16" s="328"/>
      <c r="V16" s="18"/>
    </row>
    <row r="17" spans="1:22" ht="21.9" customHeight="1" x14ac:dyDescent="0.2">
      <c r="A17" s="36">
        <v>12</v>
      </c>
      <c r="B17" s="29" t="s">
        <v>15</v>
      </c>
      <c r="C17" s="30">
        <v>766044</v>
      </c>
      <c r="D17" s="31">
        <v>21</v>
      </c>
      <c r="E17" s="32">
        <v>2.69</v>
      </c>
      <c r="F17" s="30">
        <v>766874</v>
      </c>
      <c r="G17" s="31">
        <v>19</v>
      </c>
      <c r="H17" s="37">
        <v>0.11</v>
      </c>
      <c r="I17" s="33">
        <v>753207</v>
      </c>
      <c r="J17" s="31">
        <v>21</v>
      </c>
      <c r="K17" s="37">
        <v>-1.78</v>
      </c>
      <c r="L17" s="34">
        <v>724231</v>
      </c>
      <c r="M17" s="33">
        <v>26</v>
      </c>
      <c r="N17" s="32">
        <v>-3.85</v>
      </c>
      <c r="O17" s="31">
        <v>727488</v>
      </c>
      <c r="P17" s="34">
        <v>23</v>
      </c>
      <c r="Q17" s="35">
        <v>0.45</v>
      </c>
      <c r="S17" s="327"/>
      <c r="T17" s="328"/>
      <c r="V17" s="18"/>
    </row>
    <row r="18" spans="1:22" ht="21.9" customHeight="1" x14ac:dyDescent="0.2">
      <c r="A18" s="36">
        <v>13</v>
      </c>
      <c r="B18" s="29" t="s">
        <v>16</v>
      </c>
      <c r="C18" s="30">
        <v>835606</v>
      </c>
      <c r="D18" s="31">
        <v>11</v>
      </c>
      <c r="E18" s="32">
        <v>-7.0000000000000007E-2</v>
      </c>
      <c r="F18" s="30">
        <v>832176</v>
      </c>
      <c r="G18" s="31">
        <v>12</v>
      </c>
      <c r="H18" s="32">
        <v>-0.41</v>
      </c>
      <c r="I18" s="33">
        <v>829041</v>
      </c>
      <c r="J18" s="31">
        <v>14</v>
      </c>
      <c r="K18" s="32">
        <v>-0.38</v>
      </c>
      <c r="L18" s="34">
        <v>823519</v>
      </c>
      <c r="M18" s="33">
        <v>11</v>
      </c>
      <c r="N18" s="32">
        <v>-0.67</v>
      </c>
      <c r="O18" s="31">
        <v>887086</v>
      </c>
      <c r="P18" s="34">
        <v>7</v>
      </c>
      <c r="Q18" s="35">
        <v>7.72</v>
      </c>
      <c r="S18" s="327"/>
      <c r="T18" s="328"/>
      <c r="V18" s="18"/>
    </row>
    <row r="19" spans="1:22" ht="21.9" customHeight="1" x14ac:dyDescent="0.2">
      <c r="A19" s="36">
        <v>14</v>
      </c>
      <c r="B19" s="29" t="s">
        <v>17</v>
      </c>
      <c r="C19" s="30">
        <v>864665</v>
      </c>
      <c r="D19" s="31">
        <v>10</v>
      </c>
      <c r="E19" s="37">
        <v>-2.39</v>
      </c>
      <c r="F19" s="30">
        <v>885604</v>
      </c>
      <c r="G19" s="31">
        <v>10</v>
      </c>
      <c r="H19" s="32">
        <v>2.42</v>
      </c>
      <c r="I19" s="33">
        <v>829444</v>
      </c>
      <c r="J19" s="31">
        <v>13</v>
      </c>
      <c r="K19" s="32">
        <v>-6.34</v>
      </c>
      <c r="L19" s="34">
        <v>816477</v>
      </c>
      <c r="M19" s="33">
        <v>12</v>
      </c>
      <c r="N19" s="32">
        <v>-1.56</v>
      </c>
      <c r="O19" s="31">
        <v>850792</v>
      </c>
      <c r="P19" s="34">
        <v>9</v>
      </c>
      <c r="Q19" s="35">
        <v>4.2</v>
      </c>
      <c r="S19" s="327"/>
      <c r="T19" s="328"/>
      <c r="V19" s="18"/>
    </row>
    <row r="20" spans="1:22" ht="21.9" customHeight="1" x14ac:dyDescent="0.2">
      <c r="A20" s="36">
        <v>15</v>
      </c>
      <c r="B20" s="29" t="s">
        <v>18</v>
      </c>
      <c r="C20" s="30">
        <v>801338</v>
      </c>
      <c r="D20" s="31">
        <v>12</v>
      </c>
      <c r="E20" s="32">
        <v>-0.63</v>
      </c>
      <c r="F20" s="30">
        <v>797154</v>
      </c>
      <c r="G20" s="31">
        <v>14</v>
      </c>
      <c r="H20" s="32">
        <v>-0.52</v>
      </c>
      <c r="I20" s="33">
        <v>812337</v>
      </c>
      <c r="J20" s="31">
        <v>16</v>
      </c>
      <c r="K20" s="32">
        <v>1.9</v>
      </c>
      <c r="L20" s="34">
        <v>815983</v>
      </c>
      <c r="M20" s="33">
        <v>13</v>
      </c>
      <c r="N20" s="32">
        <v>0.45</v>
      </c>
      <c r="O20" s="31">
        <v>834581</v>
      </c>
      <c r="P20" s="34">
        <v>12</v>
      </c>
      <c r="Q20" s="35">
        <v>2.2799999999999998</v>
      </c>
      <c r="S20" s="327"/>
      <c r="T20" s="328"/>
      <c r="V20" s="18"/>
    </row>
    <row r="21" spans="1:22" ht="21.9" customHeight="1" x14ac:dyDescent="0.2">
      <c r="A21" s="36">
        <v>16</v>
      </c>
      <c r="B21" s="29" t="s">
        <v>19</v>
      </c>
      <c r="C21" s="30">
        <v>874695</v>
      </c>
      <c r="D21" s="31">
        <v>8</v>
      </c>
      <c r="E21" s="32">
        <v>3.95</v>
      </c>
      <c r="F21" s="30">
        <v>893909</v>
      </c>
      <c r="G21" s="31">
        <v>9</v>
      </c>
      <c r="H21" s="37">
        <v>2.2000000000000002</v>
      </c>
      <c r="I21" s="33">
        <v>888469</v>
      </c>
      <c r="J21" s="31">
        <v>7</v>
      </c>
      <c r="K21" s="37">
        <v>-0.61</v>
      </c>
      <c r="L21" s="34">
        <v>933362</v>
      </c>
      <c r="M21" s="33">
        <v>7</v>
      </c>
      <c r="N21" s="32">
        <v>5.05</v>
      </c>
      <c r="O21" s="31">
        <v>847619</v>
      </c>
      <c r="P21" s="34">
        <v>10</v>
      </c>
      <c r="Q21" s="35">
        <v>-9.19</v>
      </c>
      <c r="S21" s="327"/>
      <c r="T21" s="328"/>
      <c r="V21" s="18"/>
    </row>
    <row r="22" spans="1:22" ht="21.9" customHeight="1" x14ac:dyDescent="0.2">
      <c r="A22" s="36">
        <v>17</v>
      </c>
      <c r="B22" s="29" t="s">
        <v>20</v>
      </c>
      <c r="C22" s="30">
        <v>776252</v>
      </c>
      <c r="D22" s="31">
        <v>19</v>
      </c>
      <c r="E22" s="32">
        <v>3.78</v>
      </c>
      <c r="F22" s="30">
        <v>754087</v>
      </c>
      <c r="G22" s="31">
        <v>20</v>
      </c>
      <c r="H22" s="37">
        <v>-2.86</v>
      </c>
      <c r="I22" s="33">
        <v>750425</v>
      </c>
      <c r="J22" s="31">
        <v>22</v>
      </c>
      <c r="K22" s="38">
        <v>-0.49</v>
      </c>
      <c r="L22" s="34">
        <v>760204</v>
      </c>
      <c r="M22" s="33">
        <v>15</v>
      </c>
      <c r="N22" s="32">
        <v>1.3</v>
      </c>
      <c r="O22" s="31">
        <v>758893</v>
      </c>
      <c r="P22" s="34">
        <v>16</v>
      </c>
      <c r="Q22" s="35">
        <v>-0.17</v>
      </c>
      <c r="S22" s="327"/>
      <c r="T22" s="328"/>
      <c r="V22" s="18"/>
    </row>
    <row r="23" spans="1:22" ht="21.9" customHeight="1" x14ac:dyDescent="0.2">
      <c r="A23" s="36">
        <v>18</v>
      </c>
      <c r="B23" s="29" t="s">
        <v>21</v>
      </c>
      <c r="C23" s="30">
        <v>716346</v>
      </c>
      <c r="D23" s="31">
        <v>30</v>
      </c>
      <c r="E23" s="32">
        <v>2.2799999999999998</v>
      </c>
      <c r="F23" s="30">
        <v>708141</v>
      </c>
      <c r="G23" s="31">
        <v>28</v>
      </c>
      <c r="H23" s="37">
        <v>-1.1499999999999999</v>
      </c>
      <c r="I23" s="33">
        <v>727252</v>
      </c>
      <c r="J23" s="31">
        <v>27</v>
      </c>
      <c r="K23" s="38">
        <v>2.7</v>
      </c>
      <c r="L23" s="34">
        <v>692542</v>
      </c>
      <c r="M23" s="33">
        <v>30</v>
      </c>
      <c r="N23" s="32">
        <v>-4.7699999999999996</v>
      </c>
      <c r="O23" s="31">
        <v>688108</v>
      </c>
      <c r="P23" s="34">
        <v>29</v>
      </c>
      <c r="Q23" s="35">
        <v>-0.64</v>
      </c>
      <c r="S23" s="327"/>
      <c r="T23" s="328"/>
      <c r="V23" s="18"/>
    </row>
    <row r="24" spans="1:22" ht="21.9" customHeight="1" x14ac:dyDescent="0.2">
      <c r="A24" s="36">
        <v>19</v>
      </c>
      <c r="B24" s="29" t="s">
        <v>23</v>
      </c>
      <c r="C24" s="30">
        <v>1062135</v>
      </c>
      <c r="D24" s="31">
        <v>2</v>
      </c>
      <c r="E24" s="32">
        <v>5.89</v>
      </c>
      <c r="F24" s="30">
        <v>1008924</v>
      </c>
      <c r="G24" s="31">
        <v>3</v>
      </c>
      <c r="H24" s="37">
        <v>-5.01</v>
      </c>
      <c r="I24" s="33">
        <v>1057386</v>
      </c>
      <c r="J24" s="31">
        <v>2</v>
      </c>
      <c r="K24" s="38">
        <v>4.8</v>
      </c>
      <c r="L24" s="34">
        <v>942978</v>
      </c>
      <c r="M24" s="33">
        <v>5</v>
      </c>
      <c r="N24" s="32">
        <v>-10.82</v>
      </c>
      <c r="O24" s="31">
        <v>1002279</v>
      </c>
      <c r="P24" s="34">
        <v>2</v>
      </c>
      <c r="Q24" s="35">
        <v>6.29</v>
      </c>
      <c r="S24" s="327"/>
      <c r="T24" s="328"/>
      <c r="V24" s="18"/>
    </row>
    <row r="25" spans="1:22" ht="21.9" customHeight="1" x14ac:dyDescent="0.2">
      <c r="A25" s="36">
        <v>20</v>
      </c>
      <c r="B25" s="29" t="s">
        <v>24</v>
      </c>
      <c r="C25" s="30">
        <v>765162</v>
      </c>
      <c r="D25" s="31">
        <v>22</v>
      </c>
      <c r="E25" s="32">
        <v>-0.59</v>
      </c>
      <c r="F25" s="30">
        <v>794428</v>
      </c>
      <c r="G25" s="31">
        <v>15</v>
      </c>
      <c r="H25" s="32">
        <v>3.82</v>
      </c>
      <c r="I25" s="33">
        <v>767315</v>
      </c>
      <c r="J25" s="31">
        <v>20</v>
      </c>
      <c r="K25" s="32">
        <v>-3.41</v>
      </c>
      <c r="L25" s="34">
        <v>747436</v>
      </c>
      <c r="M25" s="33">
        <v>22</v>
      </c>
      <c r="N25" s="32">
        <v>-2.59</v>
      </c>
      <c r="O25" s="31">
        <v>754814</v>
      </c>
      <c r="P25" s="34">
        <v>17</v>
      </c>
      <c r="Q25" s="35">
        <v>0.99</v>
      </c>
      <c r="S25" s="327"/>
      <c r="T25" s="328"/>
      <c r="V25" s="18"/>
    </row>
    <row r="26" spans="1:22" ht="21.9" customHeight="1" x14ac:dyDescent="0.2">
      <c r="A26" s="36">
        <v>21</v>
      </c>
      <c r="B26" s="29" t="s">
        <v>22</v>
      </c>
      <c r="C26" s="30">
        <v>786996</v>
      </c>
      <c r="D26" s="31">
        <v>16</v>
      </c>
      <c r="E26" s="32">
        <v>0.96</v>
      </c>
      <c r="F26" s="30">
        <v>752958</v>
      </c>
      <c r="G26" s="31">
        <v>21</v>
      </c>
      <c r="H26" s="37">
        <v>-4.33</v>
      </c>
      <c r="I26" s="33">
        <v>808905</v>
      </c>
      <c r="J26" s="31">
        <v>17</v>
      </c>
      <c r="K26" s="38">
        <v>7.43</v>
      </c>
      <c r="L26" s="34">
        <v>753122</v>
      </c>
      <c r="M26" s="33">
        <v>18</v>
      </c>
      <c r="N26" s="32">
        <v>-6.9</v>
      </c>
      <c r="O26" s="31">
        <v>746731</v>
      </c>
      <c r="P26" s="34">
        <v>18</v>
      </c>
      <c r="Q26" s="35">
        <v>-0.85</v>
      </c>
      <c r="S26" s="327"/>
      <c r="T26" s="328"/>
      <c r="V26" s="18"/>
    </row>
    <row r="27" spans="1:22" ht="21.9" customHeight="1" x14ac:dyDescent="0.2">
      <c r="A27" s="36">
        <v>22</v>
      </c>
      <c r="B27" s="29" t="s">
        <v>25</v>
      </c>
      <c r="C27" s="30">
        <v>901891</v>
      </c>
      <c r="D27" s="31">
        <v>7</v>
      </c>
      <c r="E27" s="32">
        <v>8.11</v>
      </c>
      <c r="F27" s="30">
        <v>1032102</v>
      </c>
      <c r="G27" s="31">
        <v>2</v>
      </c>
      <c r="H27" s="37">
        <v>14.44</v>
      </c>
      <c r="I27" s="33">
        <v>881214</v>
      </c>
      <c r="J27" s="31">
        <v>9</v>
      </c>
      <c r="K27" s="37">
        <v>-14.62</v>
      </c>
      <c r="L27" s="34">
        <v>1008636</v>
      </c>
      <c r="M27" s="33">
        <v>3</v>
      </c>
      <c r="N27" s="32">
        <v>14.46</v>
      </c>
      <c r="O27" s="31">
        <v>838804</v>
      </c>
      <c r="P27" s="34">
        <v>11</v>
      </c>
      <c r="Q27" s="35">
        <v>-16.84</v>
      </c>
      <c r="S27" s="327"/>
      <c r="T27" s="328"/>
      <c r="V27" s="18"/>
    </row>
    <row r="28" spans="1:22" ht="21.9" customHeight="1" x14ac:dyDescent="0.2">
      <c r="A28" s="36">
        <v>23</v>
      </c>
      <c r="B28" s="29" t="s">
        <v>26</v>
      </c>
      <c r="C28" s="30">
        <v>775571</v>
      </c>
      <c r="D28" s="31">
        <v>20</v>
      </c>
      <c r="E28" s="32">
        <v>2.0099999999999998</v>
      </c>
      <c r="F28" s="30">
        <v>769471</v>
      </c>
      <c r="G28" s="31">
        <v>18</v>
      </c>
      <c r="H28" s="37">
        <v>-0.79</v>
      </c>
      <c r="I28" s="33">
        <v>824740</v>
      </c>
      <c r="J28" s="31">
        <v>15</v>
      </c>
      <c r="K28" s="38">
        <v>7.18</v>
      </c>
      <c r="L28" s="34">
        <v>712407</v>
      </c>
      <c r="M28" s="33">
        <v>28</v>
      </c>
      <c r="N28" s="32">
        <v>-13.62</v>
      </c>
      <c r="O28" s="31">
        <v>718948</v>
      </c>
      <c r="P28" s="34">
        <v>25</v>
      </c>
      <c r="Q28" s="35">
        <v>0.92</v>
      </c>
      <c r="S28" s="327"/>
      <c r="T28" s="328"/>
      <c r="V28" s="18"/>
    </row>
    <row r="29" spans="1:22" ht="21.9" customHeight="1" x14ac:dyDescent="0.2">
      <c r="A29" s="36">
        <v>24</v>
      </c>
      <c r="B29" s="29" t="s">
        <v>27</v>
      </c>
      <c r="C29" s="30">
        <v>747435</v>
      </c>
      <c r="D29" s="31">
        <v>25</v>
      </c>
      <c r="E29" s="32">
        <v>-5.65</v>
      </c>
      <c r="F29" s="30">
        <v>750400</v>
      </c>
      <c r="G29" s="31">
        <v>22</v>
      </c>
      <c r="H29" s="32">
        <v>0.4</v>
      </c>
      <c r="I29" s="33">
        <v>731863</v>
      </c>
      <c r="J29" s="31">
        <v>26</v>
      </c>
      <c r="K29" s="32">
        <v>-2.4700000000000002</v>
      </c>
      <c r="L29" s="34">
        <v>756894</v>
      </c>
      <c r="M29" s="33">
        <v>17</v>
      </c>
      <c r="N29" s="32">
        <v>3.42</v>
      </c>
      <c r="O29" s="31">
        <v>735611</v>
      </c>
      <c r="P29" s="34">
        <v>20</v>
      </c>
      <c r="Q29" s="35">
        <v>-2.81</v>
      </c>
      <c r="S29" s="327"/>
      <c r="T29" s="328"/>
      <c r="V29" s="18"/>
    </row>
    <row r="30" spans="1:22" ht="21.9" customHeight="1" x14ac:dyDescent="0.2">
      <c r="A30" s="36">
        <v>25</v>
      </c>
      <c r="B30" s="29" t="s">
        <v>28</v>
      </c>
      <c r="C30" s="30">
        <v>726464</v>
      </c>
      <c r="D30" s="31">
        <v>29</v>
      </c>
      <c r="E30" s="37">
        <v>-6.94</v>
      </c>
      <c r="F30" s="30">
        <v>708734</v>
      </c>
      <c r="G30" s="31">
        <v>27</v>
      </c>
      <c r="H30" s="32">
        <v>-2.44</v>
      </c>
      <c r="I30" s="33">
        <v>722196</v>
      </c>
      <c r="J30" s="31">
        <v>28</v>
      </c>
      <c r="K30" s="32">
        <v>1.9</v>
      </c>
      <c r="L30" s="34">
        <v>736298</v>
      </c>
      <c r="M30" s="33">
        <v>23</v>
      </c>
      <c r="N30" s="32">
        <v>1.95</v>
      </c>
      <c r="O30" s="31">
        <v>769462</v>
      </c>
      <c r="P30" s="34">
        <v>13</v>
      </c>
      <c r="Q30" s="35">
        <v>4.5</v>
      </c>
      <c r="S30" s="327"/>
      <c r="T30" s="328"/>
      <c r="V30" s="18"/>
    </row>
    <row r="31" spans="1:22" ht="21.9" customHeight="1" x14ac:dyDescent="0.2">
      <c r="A31" s="36">
        <v>26</v>
      </c>
      <c r="B31" s="29" t="s">
        <v>29</v>
      </c>
      <c r="C31" s="30">
        <v>737769</v>
      </c>
      <c r="D31" s="31">
        <v>27</v>
      </c>
      <c r="E31" s="37">
        <v>-10.119999999999999</v>
      </c>
      <c r="F31" s="30">
        <v>655470</v>
      </c>
      <c r="G31" s="31">
        <v>32</v>
      </c>
      <c r="H31" s="32">
        <v>-11.16</v>
      </c>
      <c r="I31" s="33">
        <v>645200</v>
      </c>
      <c r="J31" s="31">
        <v>33</v>
      </c>
      <c r="K31" s="32">
        <v>-1.57</v>
      </c>
      <c r="L31" s="34">
        <v>705541</v>
      </c>
      <c r="M31" s="33">
        <v>29</v>
      </c>
      <c r="N31" s="32">
        <v>9.35</v>
      </c>
      <c r="O31" s="31">
        <v>686290</v>
      </c>
      <c r="P31" s="34">
        <v>30</v>
      </c>
      <c r="Q31" s="35">
        <v>-2.73</v>
      </c>
      <c r="S31" s="327"/>
      <c r="T31" s="328"/>
      <c r="V31" s="18"/>
    </row>
    <row r="32" spans="1:22" ht="21.9" customHeight="1" x14ac:dyDescent="0.2">
      <c r="A32" s="36">
        <v>27</v>
      </c>
      <c r="B32" s="29" t="s">
        <v>30</v>
      </c>
      <c r="C32" s="30">
        <v>701597</v>
      </c>
      <c r="D32" s="31">
        <v>32</v>
      </c>
      <c r="E32" s="32">
        <v>2.42</v>
      </c>
      <c r="F32" s="30">
        <v>698391</v>
      </c>
      <c r="G32" s="31">
        <v>29</v>
      </c>
      <c r="H32" s="37">
        <v>-0.46</v>
      </c>
      <c r="I32" s="33">
        <v>849275</v>
      </c>
      <c r="J32" s="31">
        <v>11</v>
      </c>
      <c r="K32" s="38">
        <v>21.6</v>
      </c>
      <c r="L32" s="34">
        <v>680632</v>
      </c>
      <c r="M32" s="33">
        <v>32</v>
      </c>
      <c r="N32" s="32">
        <v>-19.86</v>
      </c>
      <c r="O32" s="31">
        <v>721021</v>
      </c>
      <c r="P32" s="34">
        <v>24</v>
      </c>
      <c r="Q32" s="35">
        <v>5.93</v>
      </c>
      <c r="S32" s="327"/>
      <c r="T32" s="328"/>
      <c r="V32" s="18"/>
    </row>
    <row r="33" spans="1:22" ht="21.9" customHeight="1" x14ac:dyDescent="0.2">
      <c r="A33" s="36">
        <v>28</v>
      </c>
      <c r="B33" s="29" t="s">
        <v>31</v>
      </c>
      <c r="C33" s="30">
        <v>797223</v>
      </c>
      <c r="D33" s="31">
        <v>13</v>
      </c>
      <c r="E33" s="32">
        <v>5.56</v>
      </c>
      <c r="F33" s="30">
        <v>725393</v>
      </c>
      <c r="G33" s="31">
        <v>25</v>
      </c>
      <c r="H33" s="37">
        <v>-9.01</v>
      </c>
      <c r="I33" s="33">
        <v>689622</v>
      </c>
      <c r="J33" s="31">
        <v>31</v>
      </c>
      <c r="K33" s="38">
        <v>-4.93</v>
      </c>
      <c r="L33" s="34">
        <v>748226</v>
      </c>
      <c r="M33" s="33">
        <v>21</v>
      </c>
      <c r="N33" s="32">
        <v>8.5</v>
      </c>
      <c r="O33" s="31">
        <v>717081</v>
      </c>
      <c r="P33" s="34">
        <v>26</v>
      </c>
      <c r="Q33" s="35">
        <v>-4.16</v>
      </c>
      <c r="S33" s="327"/>
      <c r="T33" s="328"/>
      <c r="V33" s="18"/>
    </row>
    <row r="34" spans="1:22" ht="21.9" customHeight="1" x14ac:dyDescent="0.2">
      <c r="A34" s="36">
        <v>29</v>
      </c>
      <c r="B34" s="29" t="s">
        <v>32</v>
      </c>
      <c r="C34" s="30">
        <v>752458</v>
      </c>
      <c r="D34" s="31">
        <v>24</v>
      </c>
      <c r="E34" s="37">
        <v>-10.07</v>
      </c>
      <c r="F34" s="30">
        <v>997151</v>
      </c>
      <c r="G34" s="31">
        <v>5</v>
      </c>
      <c r="H34" s="32">
        <v>32.520000000000003</v>
      </c>
      <c r="I34" s="33">
        <v>772848</v>
      </c>
      <c r="J34" s="31">
        <v>19</v>
      </c>
      <c r="K34" s="32">
        <v>-22.49</v>
      </c>
      <c r="L34" s="34">
        <v>749991</v>
      </c>
      <c r="M34" s="33">
        <v>20</v>
      </c>
      <c r="N34" s="32">
        <v>-2.96</v>
      </c>
      <c r="O34" s="31">
        <v>761754</v>
      </c>
      <c r="P34" s="34">
        <v>15</v>
      </c>
      <c r="Q34" s="35">
        <v>1.57</v>
      </c>
      <c r="S34" s="327"/>
      <c r="T34" s="328"/>
      <c r="V34" s="18"/>
    </row>
    <row r="35" spans="1:22" ht="21.9" customHeight="1" x14ac:dyDescent="0.2">
      <c r="A35" s="36">
        <v>30</v>
      </c>
      <c r="B35" s="29" t="s">
        <v>33</v>
      </c>
      <c r="C35" s="30">
        <v>782442</v>
      </c>
      <c r="D35" s="31">
        <v>18</v>
      </c>
      <c r="E35" s="32">
        <v>15.63</v>
      </c>
      <c r="F35" s="30">
        <v>623478</v>
      </c>
      <c r="G35" s="31">
        <v>33</v>
      </c>
      <c r="H35" s="37">
        <v>-20.32</v>
      </c>
      <c r="I35" s="33">
        <v>732115</v>
      </c>
      <c r="J35" s="31">
        <v>25</v>
      </c>
      <c r="K35" s="38">
        <v>17.420000000000002</v>
      </c>
      <c r="L35" s="34">
        <v>681782</v>
      </c>
      <c r="M35" s="33">
        <v>31</v>
      </c>
      <c r="N35" s="32">
        <v>-6.88</v>
      </c>
      <c r="O35" s="31">
        <v>591884</v>
      </c>
      <c r="P35" s="34">
        <v>33</v>
      </c>
      <c r="Q35" s="35">
        <v>-13.19</v>
      </c>
      <c r="S35" s="327"/>
      <c r="T35" s="328"/>
      <c r="V35" s="18"/>
    </row>
    <row r="36" spans="1:22" ht="21.9" customHeight="1" x14ac:dyDescent="0.2">
      <c r="A36" s="36">
        <v>31</v>
      </c>
      <c r="B36" s="29" t="s">
        <v>34</v>
      </c>
      <c r="C36" s="30">
        <v>712820</v>
      </c>
      <c r="D36" s="31">
        <v>31</v>
      </c>
      <c r="E36" s="32">
        <v>-1</v>
      </c>
      <c r="F36" s="30">
        <v>731469</v>
      </c>
      <c r="G36" s="31">
        <v>24</v>
      </c>
      <c r="H36" s="32">
        <v>2.62</v>
      </c>
      <c r="I36" s="33">
        <v>738291</v>
      </c>
      <c r="J36" s="31">
        <v>24</v>
      </c>
      <c r="K36" s="32">
        <v>0.93</v>
      </c>
      <c r="L36" s="34">
        <v>714227</v>
      </c>
      <c r="M36" s="33">
        <v>27</v>
      </c>
      <c r="N36" s="32">
        <v>-3.26</v>
      </c>
      <c r="O36" s="31">
        <v>728109</v>
      </c>
      <c r="P36" s="34">
        <v>21</v>
      </c>
      <c r="Q36" s="35">
        <v>1.94</v>
      </c>
      <c r="S36" s="327"/>
      <c r="T36" s="328"/>
      <c r="V36" s="18"/>
    </row>
    <row r="37" spans="1:22" ht="22.5" customHeight="1" x14ac:dyDescent="0.2">
      <c r="A37" s="36">
        <v>32</v>
      </c>
      <c r="B37" s="29" t="s">
        <v>35</v>
      </c>
      <c r="C37" s="30">
        <v>784089</v>
      </c>
      <c r="D37" s="31">
        <v>17</v>
      </c>
      <c r="E37" s="37">
        <v>5.47</v>
      </c>
      <c r="F37" s="30">
        <v>717577</v>
      </c>
      <c r="G37" s="31">
        <v>26</v>
      </c>
      <c r="H37" s="37">
        <v>-8.48</v>
      </c>
      <c r="I37" s="33">
        <v>714340</v>
      </c>
      <c r="J37" s="31">
        <v>30</v>
      </c>
      <c r="K37" s="38">
        <v>-0.45</v>
      </c>
      <c r="L37" s="34">
        <v>734102</v>
      </c>
      <c r="M37" s="33">
        <v>24</v>
      </c>
      <c r="N37" s="32">
        <v>2.77</v>
      </c>
      <c r="O37" s="31">
        <v>700591</v>
      </c>
      <c r="P37" s="34">
        <v>28</v>
      </c>
      <c r="Q37" s="35">
        <v>-4.5599999999999996</v>
      </c>
      <c r="S37" s="327"/>
      <c r="T37" s="328"/>
      <c r="V37" s="18"/>
    </row>
    <row r="38" spans="1:22" ht="22.5" customHeight="1" thickBot="1" x14ac:dyDescent="0.25">
      <c r="A38" s="39">
        <v>33</v>
      </c>
      <c r="B38" s="40" t="s">
        <v>36</v>
      </c>
      <c r="C38" s="41">
        <v>754785</v>
      </c>
      <c r="D38" s="42">
        <v>23</v>
      </c>
      <c r="E38" s="43">
        <v>-2.2599999999999998</v>
      </c>
      <c r="F38" s="41">
        <v>772019</v>
      </c>
      <c r="G38" s="42">
        <v>17</v>
      </c>
      <c r="H38" s="43">
        <v>2.2799999999999998</v>
      </c>
      <c r="I38" s="44">
        <v>833442</v>
      </c>
      <c r="J38" s="42">
        <v>12</v>
      </c>
      <c r="K38" s="43">
        <v>7.96</v>
      </c>
      <c r="L38" s="45">
        <v>750626</v>
      </c>
      <c r="M38" s="44">
        <v>19</v>
      </c>
      <c r="N38" s="43">
        <v>-9.94</v>
      </c>
      <c r="O38" s="42">
        <v>685855</v>
      </c>
      <c r="P38" s="45">
        <v>31</v>
      </c>
      <c r="Q38" s="46">
        <v>-8.6300000000000008</v>
      </c>
      <c r="S38" s="327"/>
      <c r="T38" s="328"/>
      <c r="V38" s="18"/>
    </row>
    <row r="39" spans="1:22" ht="21.75" customHeight="1" thickTop="1" thickBot="1" x14ac:dyDescent="0.25">
      <c r="A39" s="279" t="s">
        <v>67</v>
      </c>
      <c r="B39" s="280"/>
      <c r="C39" s="47">
        <v>890655</v>
      </c>
      <c r="D39" s="48"/>
      <c r="E39" s="49">
        <v>0.03</v>
      </c>
      <c r="F39" s="47">
        <v>887907</v>
      </c>
      <c r="G39" s="48"/>
      <c r="H39" s="48">
        <v>-0.31</v>
      </c>
      <c r="I39" s="50">
        <v>895897</v>
      </c>
      <c r="J39" s="51"/>
      <c r="K39" s="52">
        <v>0.9</v>
      </c>
      <c r="L39" s="53">
        <v>887599</v>
      </c>
      <c r="M39" s="52"/>
      <c r="N39" s="49">
        <v>-0.93</v>
      </c>
      <c r="O39" s="51">
        <v>888604</v>
      </c>
      <c r="P39" s="53"/>
      <c r="Q39" s="54">
        <v>0.11</v>
      </c>
      <c r="S39" s="330"/>
      <c r="T39" s="330"/>
    </row>
    <row r="40" spans="1:22" ht="21.9" customHeight="1" thickTop="1" thickBot="1" x14ac:dyDescent="0.25">
      <c r="A40" s="279" t="s">
        <v>65</v>
      </c>
      <c r="B40" s="280"/>
      <c r="C40" s="47">
        <v>806646</v>
      </c>
      <c r="D40" s="48"/>
      <c r="E40" s="49">
        <v>1.87</v>
      </c>
      <c r="F40" s="47">
        <v>809633</v>
      </c>
      <c r="G40" s="48"/>
      <c r="H40" s="48">
        <v>0.37</v>
      </c>
      <c r="I40" s="50">
        <v>798424</v>
      </c>
      <c r="J40" s="51"/>
      <c r="K40" s="48">
        <v>-1.38</v>
      </c>
      <c r="L40" s="53">
        <v>783549</v>
      </c>
      <c r="M40" s="48"/>
      <c r="N40" s="49">
        <v>-1.86</v>
      </c>
      <c r="O40" s="51">
        <v>766935</v>
      </c>
      <c r="P40" s="53"/>
      <c r="Q40" s="54">
        <v>-2.12</v>
      </c>
      <c r="S40" s="330"/>
      <c r="T40" s="330"/>
    </row>
    <row r="41" spans="1:22" ht="21.9" customHeight="1" thickTop="1" thickBot="1" x14ac:dyDescent="0.25">
      <c r="A41" s="281" t="s">
        <v>62</v>
      </c>
      <c r="B41" s="282"/>
      <c r="C41" s="55">
        <v>887347</v>
      </c>
      <c r="D41" s="56"/>
      <c r="E41" s="57">
        <v>0.1</v>
      </c>
      <c r="F41" s="55">
        <v>884828</v>
      </c>
      <c r="G41" s="56"/>
      <c r="H41" s="56">
        <v>-0.28000000000000003</v>
      </c>
      <c r="I41" s="58">
        <v>892070</v>
      </c>
      <c r="J41" s="59"/>
      <c r="K41" s="60">
        <v>0.82</v>
      </c>
      <c r="L41" s="61">
        <v>883520</v>
      </c>
      <c r="M41" s="60"/>
      <c r="N41" s="57">
        <v>-0.96</v>
      </c>
      <c r="O41" s="59">
        <v>883855</v>
      </c>
      <c r="P41" s="61"/>
      <c r="Q41" s="62">
        <v>0.04</v>
      </c>
      <c r="S41" s="330"/>
      <c r="T41" s="330"/>
    </row>
    <row r="43" spans="1:22" x14ac:dyDescent="0.2">
      <c r="A43" s="331"/>
      <c r="S43" s="332"/>
      <c r="T43" s="332"/>
    </row>
  </sheetData>
  <mergeCells count="15">
    <mergeCell ref="A39:B39"/>
    <mergeCell ref="A40:B40"/>
    <mergeCell ref="A41:B41"/>
    <mergeCell ref="A3:B5"/>
    <mergeCell ref="S2:T2"/>
    <mergeCell ref="O4:O5"/>
    <mergeCell ref="C3:E3"/>
    <mergeCell ref="F3:H3"/>
    <mergeCell ref="F4:F5"/>
    <mergeCell ref="I4:I5"/>
    <mergeCell ref="I3:K3"/>
    <mergeCell ref="L4:L5"/>
    <mergeCell ref="C4:C5"/>
    <mergeCell ref="O3:Q3"/>
    <mergeCell ref="L3:N3"/>
  </mergeCells>
  <phoneticPr fontId="8"/>
  <printOptions gridLinesSet="0"/>
  <pageMargins left="0.76" right="0.59055118110236227" top="0.59055118110236227" bottom="0.59055118110236227" header="0.27559055118110237" footer="0.19685039370078741"/>
  <pageSetup paperSize="9" scale="87" orientation="portrait" blackAndWhite="1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 codeName="Sheet6"/>
  <dimension ref="A1:X54"/>
  <sheetViews>
    <sheetView zoomScaleNormal="100" zoomScaleSheetLayoutView="106" workbookViewId="0">
      <pane xSplit="2" ySplit="5" topLeftCell="C6" activePane="bottomRight" state="frozen"/>
      <selection pane="topRight" activeCell="C1" sqref="C1"/>
      <selection pane="bottomLeft" activeCell="A6" sqref="A6"/>
      <selection pane="bottomRight"/>
    </sheetView>
  </sheetViews>
  <sheetFormatPr defaultColWidth="9" defaultRowHeight="10.8" x14ac:dyDescent="0.15"/>
  <cols>
    <col min="1" max="1" width="3.6640625" style="2" customWidth="1"/>
    <col min="2" max="2" width="10" style="2" customWidth="1"/>
    <col min="3" max="3" width="7.88671875" style="2" customWidth="1"/>
    <col min="4" max="4" width="3" style="2" customWidth="1"/>
    <col min="5" max="5" width="5.6640625" style="2" customWidth="1"/>
    <col min="6" max="6" width="7.88671875" style="2" customWidth="1"/>
    <col min="7" max="7" width="3" style="2" customWidth="1"/>
    <col min="8" max="8" width="5.6640625" style="2" customWidth="1"/>
    <col min="9" max="9" width="8.88671875" style="20" customWidth="1"/>
    <col min="10" max="10" width="3" style="20" customWidth="1"/>
    <col min="11" max="11" width="5.6640625" style="2" customWidth="1"/>
    <col min="12" max="12" width="8.88671875" style="2" customWidth="1"/>
    <col min="13" max="13" width="3" style="2" customWidth="1"/>
    <col min="14" max="14" width="5.6640625" style="2" customWidth="1"/>
    <col min="15" max="15" width="8.88671875" style="2" customWidth="1"/>
    <col min="16" max="16" width="3" style="2" customWidth="1"/>
    <col min="17" max="17" width="5.6640625" style="2" customWidth="1"/>
    <col min="18" max="19" width="3.88671875" style="2" customWidth="1"/>
    <col min="20" max="20" width="16.109375" style="2" customWidth="1"/>
    <col min="21" max="21" width="11.88671875" style="2" customWidth="1"/>
    <col min="22" max="22" width="17.88671875" style="2" customWidth="1"/>
    <col min="23" max="23" width="16" style="2" customWidth="1"/>
    <col min="24" max="24" width="10.44140625" style="2" bestFit="1" customWidth="1"/>
    <col min="25" max="16384" width="9" style="2"/>
  </cols>
  <sheetData>
    <row r="1" spans="1:24" ht="15.75" customHeight="1" x14ac:dyDescent="0.2">
      <c r="A1" s="19" t="s">
        <v>73</v>
      </c>
      <c r="X1" s="333"/>
    </row>
    <row r="2" spans="1:24" ht="15.75" customHeight="1" thickBot="1" x14ac:dyDescent="0.25">
      <c r="B2" s="63" t="s">
        <v>76</v>
      </c>
      <c r="C2" s="64"/>
      <c r="D2" s="64"/>
      <c r="E2" s="64"/>
      <c r="F2" s="64"/>
      <c r="G2" s="64"/>
      <c r="H2" s="64"/>
      <c r="I2" s="65"/>
      <c r="J2" s="65"/>
      <c r="K2" s="64"/>
      <c r="L2" s="64"/>
      <c r="M2" s="64"/>
      <c r="N2" s="64"/>
      <c r="U2" s="334"/>
      <c r="V2" s="334"/>
      <c r="W2" s="334"/>
      <c r="X2" s="333"/>
    </row>
    <row r="3" spans="1:24" ht="15.75" customHeight="1" x14ac:dyDescent="0.15">
      <c r="A3" s="277" t="s">
        <v>0</v>
      </c>
      <c r="B3" s="283"/>
      <c r="C3" s="303" t="s">
        <v>85</v>
      </c>
      <c r="D3" s="283"/>
      <c r="E3" s="283"/>
      <c r="F3" s="303" t="s">
        <v>84</v>
      </c>
      <c r="G3" s="283"/>
      <c r="H3" s="283"/>
      <c r="I3" s="303" t="s">
        <v>93</v>
      </c>
      <c r="J3" s="283"/>
      <c r="K3" s="283"/>
      <c r="L3" s="303" t="s">
        <v>88</v>
      </c>
      <c r="M3" s="283"/>
      <c r="N3" s="305"/>
      <c r="O3" s="303" t="s">
        <v>94</v>
      </c>
      <c r="P3" s="283"/>
      <c r="Q3" s="304"/>
      <c r="T3" s="5"/>
      <c r="U3" s="5"/>
      <c r="V3" s="334"/>
      <c r="X3" s="333"/>
    </row>
    <row r="4" spans="1:24" ht="12.75" customHeight="1" x14ac:dyDescent="0.15">
      <c r="A4" s="284"/>
      <c r="B4" s="285"/>
      <c r="C4" s="21" t="s">
        <v>48</v>
      </c>
      <c r="D4" s="11" t="s">
        <v>47</v>
      </c>
      <c r="E4" s="21" t="s">
        <v>95</v>
      </c>
      <c r="F4" s="66" t="s">
        <v>48</v>
      </c>
      <c r="G4" s="11" t="s">
        <v>47</v>
      </c>
      <c r="H4" s="21" t="s">
        <v>86</v>
      </c>
      <c r="I4" s="67" t="s">
        <v>48</v>
      </c>
      <c r="J4" s="11" t="s">
        <v>47</v>
      </c>
      <c r="K4" s="21" t="s">
        <v>96</v>
      </c>
      <c r="L4" s="66" t="s">
        <v>48</v>
      </c>
      <c r="M4" s="11" t="s">
        <v>47</v>
      </c>
      <c r="N4" s="21" t="s">
        <v>89</v>
      </c>
      <c r="O4" s="68" t="s">
        <v>48</v>
      </c>
      <c r="P4" s="11" t="s">
        <v>47</v>
      </c>
      <c r="Q4" s="23" t="s">
        <v>97</v>
      </c>
      <c r="T4" s="5"/>
      <c r="V4" s="334"/>
      <c r="W4" s="5"/>
      <c r="X4" s="333"/>
    </row>
    <row r="5" spans="1:24" s="1" customFormat="1" ht="12.75" customHeight="1" x14ac:dyDescent="0.15">
      <c r="A5" s="284"/>
      <c r="B5" s="285"/>
      <c r="C5" s="25" t="s">
        <v>49</v>
      </c>
      <c r="D5" s="12" t="s">
        <v>50</v>
      </c>
      <c r="E5" s="25" t="s">
        <v>1</v>
      </c>
      <c r="F5" s="25" t="s">
        <v>49</v>
      </c>
      <c r="G5" s="12" t="s">
        <v>50</v>
      </c>
      <c r="H5" s="25" t="s">
        <v>60</v>
      </c>
      <c r="I5" s="69" t="s">
        <v>49</v>
      </c>
      <c r="J5" s="12" t="s">
        <v>50</v>
      </c>
      <c r="K5" s="25" t="s">
        <v>1</v>
      </c>
      <c r="L5" s="25" t="s">
        <v>49</v>
      </c>
      <c r="M5" s="12" t="s">
        <v>50</v>
      </c>
      <c r="N5" s="25" t="s">
        <v>60</v>
      </c>
      <c r="O5" s="70" t="s">
        <v>49</v>
      </c>
      <c r="P5" s="12" t="s">
        <v>50</v>
      </c>
      <c r="Q5" s="71" t="s">
        <v>61</v>
      </c>
    </row>
    <row r="6" spans="1:24" ht="20.100000000000001" customHeight="1" x14ac:dyDescent="0.15">
      <c r="A6" s="72">
        <v>1</v>
      </c>
      <c r="B6" s="73" t="s">
        <v>3</v>
      </c>
      <c r="C6" s="74">
        <v>101242</v>
      </c>
      <c r="D6" s="75">
        <v>17</v>
      </c>
      <c r="E6" s="76">
        <v>0.68</v>
      </c>
      <c r="F6" s="74">
        <v>101406</v>
      </c>
      <c r="G6" s="75">
        <v>17</v>
      </c>
      <c r="H6" s="76">
        <v>0.16</v>
      </c>
      <c r="I6" s="75">
        <v>106851</v>
      </c>
      <c r="J6" s="75">
        <v>3</v>
      </c>
      <c r="K6" s="76">
        <v>5.37</v>
      </c>
      <c r="L6" s="77">
        <v>108210</v>
      </c>
      <c r="M6" s="77">
        <v>4</v>
      </c>
      <c r="N6" s="76">
        <v>1.27</v>
      </c>
      <c r="O6" s="78">
        <v>108250</v>
      </c>
      <c r="P6" s="79">
        <v>4</v>
      </c>
      <c r="Q6" s="80">
        <v>0.04</v>
      </c>
      <c r="U6" s="15"/>
      <c r="V6" s="18"/>
      <c r="W6" s="18"/>
      <c r="X6" s="3"/>
    </row>
    <row r="7" spans="1:24" ht="20.100000000000001" customHeight="1" x14ac:dyDescent="0.15">
      <c r="A7" s="81">
        <v>2</v>
      </c>
      <c r="B7" s="73" t="s">
        <v>5</v>
      </c>
      <c r="C7" s="74">
        <v>108933</v>
      </c>
      <c r="D7" s="75">
        <v>4</v>
      </c>
      <c r="E7" s="76">
        <v>3.84</v>
      </c>
      <c r="F7" s="74">
        <v>111675</v>
      </c>
      <c r="G7" s="75">
        <v>2</v>
      </c>
      <c r="H7" s="76">
        <v>2.52</v>
      </c>
      <c r="I7" s="75">
        <v>114841</v>
      </c>
      <c r="J7" s="75">
        <v>2</v>
      </c>
      <c r="K7" s="76">
        <v>2.84</v>
      </c>
      <c r="L7" s="77">
        <v>116829</v>
      </c>
      <c r="M7" s="77">
        <v>1</v>
      </c>
      <c r="N7" s="76">
        <v>7.25</v>
      </c>
      <c r="O7" s="78">
        <v>116613</v>
      </c>
      <c r="P7" s="79">
        <v>1</v>
      </c>
      <c r="Q7" s="80">
        <v>4.42</v>
      </c>
      <c r="R7" s="9"/>
      <c r="U7" s="16"/>
      <c r="V7" s="18"/>
      <c r="W7" s="18"/>
      <c r="X7" s="3"/>
    </row>
    <row r="8" spans="1:24" ht="20.100000000000001" customHeight="1" x14ac:dyDescent="0.15">
      <c r="A8" s="81">
        <v>3</v>
      </c>
      <c r="B8" s="73" t="s">
        <v>6</v>
      </c>
      <c r="C8" s="74">
        <v>92267</v>
      </c>
      <c r="D8" s="75">
        <v>27</v>
      </c>
      <c r="E8" s="76">
        <v>-2</v>
      </c>
      <c r="F8" s="74">
        <v>96983</v>
      </c>
      <c r="G8" s="75">
        <v>22</v>
      </c>
      <c r="H8" s="76">
        <v>5.1100000000000003</v>
      </c>
      <c r="I8" s="75">
        <v>96003</v>
      </c>
      <c r="J8" s="75">
        <v>23</v>
      </c>
      <c r="K8" s="76">
        <v>-1.01</v>
      </c>
      <c r="L8" s="77">
        <v>95902</v>
      </c>
      <c r="M8" s="77">
        <v>27</v>
      </c>
      <c r="N8" s="76">
        <v>3.94</v>
      </c>
      <c r="O8" s="78">
        <v>94048</v>
      </c>
      <c r="P8" s="79">
        <v>27</v>
      </c>
      <c r="Q8" s="80">
        <v>-3.03</v>
      </c>
      <c r="U8" s="16"/>
      <c r="V8" s="18"/>
      <c r="W8" s="18"/>
      <c r="X8" s="3"/>
    </row>
    <row r="9" spans="1:24" ht="20.100000000000001" customHeight="1" x14ac:dyDescent="0.15">
      <c r="A9" s="81">
        <v>4</v>
      </c>
      <c r="B9" s="73" t="s">
        <v>7</v>
      </c>
      <c r="C9" s="74">
        <v>95831</v>
      </c>
      <c r="D9" s="75">
        <v>22</v>
      </c>
      <c r="E9" s="76">
        <v>5.28</v>
      </c>
      <c r="F9" s="74">
        <v>94211</v>
      </c>
      <c r="G9" s="75">
        <v>25</v>
      </c>
      <c r="H9" s="76">
        <v>-1.69</v>
      </c>
      <c r="I9" s="75">
        <v>96719</v>
      </c>
      <c r="J9" s="75">
        <v>22</v>
      </c>
      <c r="K9" s="76">
        <v>2.66</v>
      </c>
      <c r="L9" s="77">
        <v>100214</v>
      </c>
      <c r="M9" s="77">
        <v>19</v>
      </c>
      <c r="N9" s="76">
        <v>4.57</v>
      </c>
      <c r="O9" s="78">
        <v>101901</v>
      </c>
      <c r="P9" s="79">
        <v>14</v>
      </c>
      <c r="Q9" s="80">
        <v>8.16</v>
      </c>
      <c r="U9" s="16"/>
      <c r="V9" s="18"/>
      <c r="W9" s="18"/>
      <c r="X9" s="3"/>
    </row>
    <row r="10" spans="1:24" ht="20.100000000000001" customHeight="1" x14ac:dyDescent="0.15">
      <c r="A10" s="81">
        <v>5</v>
      </c>
      <c r="B10" s="73" t="s">
        <v>8</v>
      </c>
      <c r="C10" s="74">
        <v>101875</v>
      </c>
      <c r="D10" s="75">
        <v>15</v>
      </c>
      <c r="E10" s="76">
        <v>2.83</v>
      </c>
      <c r="F10" s="74">
        <v>100893</v>
      </c>
      <c r="G10" s="75">
        <v>18</v>
      </c>
      <c r="H10" s="76">
        <v>-0.96</v>
      </c>
      <c r="I10" s="75">
        <v>103633</v>
      </c>
      <c r="J10" s="75">
        <v>12</v>
      </c>
      <c r="K10" s="76">
        <v>2.72</v>
      </c>
      <c r="L10" s="77">
        <v>110063</v>
      </c>
      <c r="M10" s="77">
        <v>3</v>
      </c>
      <c r="N10" s="76">
        <v>8.0399999999999991</v>
      </c>
      <c r="O10" s="78">
        <v>109146</v>
      </c>
      <c r="P10" s="79">
        <v>2</v>
      </c>
      <c r="Q10" s="80">
        <v>8.18</v>
      </c>
      <c r="U10" s="16"/>
      <c r="V10" s="18"/>
      <c r="W10" s="18"/>
      <c r="X10" s="3"/>
    </row>
    <row r="11" spans="1:24" ht="20.100000000000001" customHeight="1" x14ac:dyDescent="0.15">
      <c r="A11" s="81">
        <v>6</v>
      </c>
      <c r="B11" s="73" t="s">
        <v>9</v>
      </c>
      <c r="C11" s="74">
        <v>106977</v>
      </c>
      <c r="D11" s="75">
        <v>7</v>
      </c>
      <c r="E11" s="76">
        <v>0.27</v>
      </c>
      <c r="F11" s="74">
        <v>103960</v>
      </c>
      <c r="G11" s="75">
        <v>11</v>
      </c>
      <c r="H11" s="76">
        <v>-2.82</v>
      </c>
      <c r="I11" s="75">
        <v>104937</v>
      </c>
      <c r="J11" s="75">
        <v>5</v>
      </c>
      <c r="K11" s="76">
        <v>0.94</v>
      </c>
      <c r="L11" s="77">
        <v>104936</v>
      </c>
      <c r="M11" s="77">
        <v>10</v>
      </c>
      <c r="N11" s="76">
        <v>-1.91</v>
      </c>
      <c r="O11" s="78">
        <v>103385</v>
      </c>
      <c r="P11" s="79">
        <v>12</v>
      </c>
      <c r="Q11" s="80">
        <v>-0.55000000000000004</v>
      </c>
      <c r="U11" s="16"/>
      <c r="V11" s="18"/>
      <c r="W11" s="18"/>
      <c r="X11" s="3"/>
    </row>
    <row r="12" spans="1:24" ht="20.100000000000001" customHeight="1" x14ac:dyDescent="0.15">
      <c r="A12" s="81">
        <v>7</v>
      </c>
      <c r="B12" s="73" t="s">
        <v>10</v>
      </c>
      <c r="C12" s="74">
        <v>102489</v>
      </c>
      <c r="D12" s="75">
        <v>12</v>
      </c>
      <c r="E12" s="76">
        <v>-0.28000000000000003</v>
      </c>
      <c r="F12" s="74">
        <v>101720</v>
      </c>
      <c r="G12" s="75">
        <v>15</v>
      </c>
      <c r="H12" s="76">
        <v>-0.75</v>
      </c>
      <c r="I12" s="75">
        <v>103949</v>
      </c>
      <c r="J12" s="75">
        <v>10</v>
      </c>
      <c r="K12" s="76">
        <v>2.19</v>
      </c>
      <c r="L12" s="77">
        <v>104901</v>
      </c>
      <c r="M12" s="77">
        <v>11</v>
      </c>
      <c r="N12" s="76">
        <v>2.35</v>
      </c>
      <c r="O12" s="78">
        <v>104694</v>
      </c>
      <c r="P12" s="79">
        <v>10</v>
      </c>
      <c r="Q12" s="80">
        <v>2.92</v>
      </c>
      <c r="U12" s="16"/>
      <c r="V12" s="18"/>
      <c r="W12" s="18"/>
      <c r="X12" s="3"/>
    </row>
    <row r="13" spans="1:24" ht="20.100000000000001" customHeight="1" x14ac:dyDescent="0.15">
      <c r="A13" s="81">
        <v>8</v>
      </c>
      <c r="B13" s="73" t="s">
        <v>11</v>
      </c>
      <c r="C13" s="74">
        <v>103331</v>
      </c>
      <c r="D13" s="75">
        <v>11</v>
      </c>
      <c r="E13" s="76">
        <v>2.62</v>
      </c>
      <c r="F13" s="74">
        <v>101506</v>
      </c>
      <c r="G13" s="75">
        <v>16</v>
      </c>
      <c r="H13" s="76">
        <v>-1.77</v>
      </c>
      <c r="I13" s="75">
        <v>101451</v>
      </c>
      <c r="J13" s="75">
        <v>16</v>
      </c>
      <c r="K13" s="76">
        <v>-0.05</v>
      </c>
      <c r="L13" s="77">
        <v>104488</v>
      </c>
      <c r="M13" s="77">
        <v>12</v>
      </c>
      <c r="N13" s="76">
        <v>1.1200000000000001</v>
      </c>
      <c r="O13" s="78">
        <v>106585</v>
      </c>
      <c r="P13" s="79">
        <v>7</v>
      </c>
      <c r="Q13" s="80">
        <v>5</v>
      </c>
      <c r="U13" s="16"/>
      <c r="V13" s="18"/>
      <c r="W13" s="18"/>
      <c r="X13" s="3"/>
    </row>
    <row r="14" spans="1:24" ht="20.100000000000001" customHeight="1" x14ac:dyDescent="0.15">
      <c r="A14" s="81">
        <v>9</v>
      </c>
      <c r="B14" s="73" t="s">
        <v>12</v>
      </c>
      <c r="C14" s="74">
        <v>97303</v>
      </c>
      <c r="D14" s="75">
        <v>20</v>
      </c>
      <c r="E14" s="76">
        <v>0.48</v>
      </c>
      <c r="F14" s="74">
        <v>95201</v>
      </c>
      <c r="G14" s="75">
        <v>24</v>
      </c>
      <c r="H14" s="76">
        <v>-2.16</v>
      </c>
      <c r="I14" s="75">
        <v>99484</v>
      </c>
      <c r="J14" s="75">
        <v>18</v>
      </c>
      <c r="K14" s="76">
        <v>4.5</v>
      </c>
      <c r="L14" s="77">
        <v>103916</v>
      </c>
      <c r="M14" s="77">
        <v>13</v>
      </c>
      <c r="N14" s="76">
        <v>6.8</v>
      </c>
      <c r="O14" s="78">
        <v>101862</v>
      </c>
      <c r="P14" s="79">
        <v>15</v>
      </c>
      <c r="Q14" s="80">
        <v>7</v>
      </c>
      <c r="U14" s="16"/>
      <c r="V14" s="18"/>
      <c r="W14" s="18"/>
      <c r="X14" s="3"/>
    </row>
    <row r="15" spans="1:24" ht="20.100000000000001" customHeight="1" x14ac:dyDescent="0.15">
      <c r="A15" s="81">
        <v>10</v>
      </c>
      <c r="B15" s="73" t="s">
        <v>13</v>
      </c>
      <c r="C15" s="74">
        <v>94748</v>
      </c>
      <c r="D15" s="75">
        <v>24</v>
      </c>
      <c r="E15" s="76">
        <v>2.42</v>
      </c>
      <c r="F15" s="74">
        <v>93540</v>
      </c>
      <c r="G15" s="75">
        <v>26</v>
      </c>
      <c r="H15" s="76">
        <v>-1.27</v>
      </c>
      <c r="I15" s="75">
        <v>98089</v>
      </c>
      <c r="J15" s="75">
        <v>20</v>
      </c>
      <c r="K15" s="76">
        <v>4.8600000000000003</v>
      </c>
      <c r="L15" s="77">
        <v>98398</v>
      </c>
      <c r="M15" s="77">
        <v>21</v>
      </c>
      <c r="N15" s="76">
        <v>3.85</v>
      </c>
      <c r="O15" s="78">
        <v>98110</v>
      </c>
      <c r="P15" s="79">
        <v>18</v>
      </c>
      <c r="Q15" s="80">
        <v>4.8899999999999997</v>
      </c>
      <c r="U15" s="16"/>
      <c r="V15" s="18"/>
      <c r="W15" s="18"/>
      <c r="X15" s="3"/>
    </row>
    <row r="16" spans="1:24" ht="20.100000000000001" customHeight="1" x14ac:dyDescent="0.15">
      <c r="A16" s="81">
        <v>11</v>
      </c>
      <c r="B16" s="73" t="s">
        <v>14</v>
      </c>
      <c r="C16" s="74">
        <v>108932</v>
      </c>
      <c r="D16" s="75">
        <v>5</v>
      </c>
      <c r="E16" s="76">
        <v>13.9</v>
      </c>
      <c r="F16" s="74">
        <v>108991</v>
      </c>
      <c r="G16" s="75">
        <v>3</v>
      </c>
      <c r="H16" s="76">
        <v>0.05</v>
      </c>
      <c r="I16" s="75">
        <v>115853</v>
      </c>
      <c r="J16" s="75">
        <v>1</v>
      </c>
      <c r="K16" s="76">
        <v>6.3</v>
      </c>
      <c r="L16" s="77">
        <v>114081</v>
      </c>
      <c r="M16" s="77">
        <v>2</v>
      </c>
      <c r="N16" s="76">
        <v>4.7300000000000004</v>
      </c>
      <c r="O16" s="78">
        <v>96649</v>
      </c>
      <c r="P16" s="79">
        <v>21</v>
      </c>
      <c r="Q16" s="80">
        <v>-11.32</v>
      </c>
      <c r="U16" s="16"/>
      <c r="V16" s="18"/>
      <c r="W16" s="18"/>
      <c r="X16" s="3"/>
    </row>
    <row r="17" spans="1:24" ht="20.100000000000001" customHeight="1" x14ac:dyDescent="0.15">
      <c r="A17" s="81">
        <v>12</v>
      </c>
      <c r="B17" s="73" t="s">
        <v>15</v>
      </c>
      <c r="C17" s="74">
        <v>88056</v>
      </c>
      <c r="D17" s="75">
        <v>31</v>
      </c>
      <c r="E17" s="76">
        <v>-1.26</v>
      </c>
      <c r="F17" s="74">
        <v>86936</v>
      </c>
      <c r="G17" s="75">
        <v>31</v>
      </c>
      <c r="H17" s="76">
        <v>-1.27</v>
      </c>
      <c r="I17" s="75">
        <v>86304</v>
      </c>
      <c r="J17" s="75">
        <v>32</v>
      </c>
      <c r="K17" s="76">
        <v>-0.73</v>
      </c>
      <c r="L17" s="77">
        <v>86210</v>
      </c>
      <c r="M17" s="77">
        <v>32</v>
      </c>
      <c r="N17" s="76">
        <v>-2.1</v>
      </c>
      <c r="O17" s="78">
        <v>92575</v>
      </c>
      <c r="P17" s="79">
        <v>29</v>
      </c>
      <c r="Q17" s="80">
        <v>6.49</v>
      </c>
      <c r="U17" s="16"/>
      <c r="V17" s="18"/>
      <c r="W17" s="18"/>
      <c r="X17" s="3"/>
    </row>
    <row r="18" spans="1:24" ht="20.100000000000001" customHeight="1" x14ac:dyDescent="0.15">
      <c r="A18" s="81">
        <v>13</v>
      </c>
      <c r="B18" s="73" t="s">
        <v>16</v>
      </c>
      <c r="C18" s="74">
        <v>102416</v>
      </c>
      <c r="D18" s="75">
        <v>13</v>
      </c>
      <c r="E18" s="76">
        <v>1.1399999999999999</v>
      </c>
      <c r="F18" s="74">
        <v>103095</v>
      </c>
      <c r="G18" s="75">
        <v>13</v>
      </c>
      <c r="H18" s="76">
        <v>0.66</v>
      </c>
      <c r="I18" s="75">
        <v>98942</v>
      </c>
      <c r="J18" s="75">
        <v>19</v>
      </c>
      <c r="K18" s="76">
        <v>-4.03</v>
      </c>
      <c r="L18" s="77">
        <v>100816</v>
      </c>
      <c r="M18" s="77">
        <v>17</v>
      </c>
      <c r="N18" s="76">
        <v>-1.56</v>
      </c>
      <c r="O18" s="78">
        <v>101916</v>
      </c>
      <c r="P18" s="79">
        <v>13</v>
      </c>
      <c r="Q18" s="80">
        <v>-1.1399999999999999</v>
      </c>
      <c r="U18" s="16"/>
      <c r="V18" s="18"/>
      <c r="W18" s="18"/>
      <c r="X18" s="3"/>
    </row>
    <row r="19" spans="1:24" ht="20.100000000000001" customHeight="1" x14ac:dyDescent="0.15">
      <c r="A19" s="81">
        <v>14</v>
      </c>
      <c r="B19" s="73" t="s">
        <v>17</v>
      </c>
      <c r="C19" s="74">
        <v>96546</v>
      </c>
      <c r="D19" s="75">
        <v>21</v>
      </c>
      <c r="E19" s="76">
        <v>0.05</v>
      </c>
      <c r="F19" s="74">
        <v>96034</v>
      </c>
      <c r="G19" s="75">
        <v>23</v>
      </c>
      <c r="H19" s="76">
        <v>-0.53</v>
      </c>
      <c r="I19" s="75">
        <v>95676</v>
      </c>
      <c r="J19" s="75">
        <v>24</v>
      </c>
      <c r="K19" s="76">
        <v>-0.37</v>
      </c>
      <c r="L19" s="77">
        <v>96630</v>
      </c>
      <c r="M19" s="77">
        <v>25</v>
      </c>
      <c r="N19" s="76">
        <v>0.09</v>
      </c>
      <c r="O19" s="78">
        <v>96319</v>
      </c>
      <c r="P19" s="79">
        <v>22</v>
      </c>
      <c r="Q19" s="80">
        <v>0.3</v>
      </c>
      <c r="U19" s="16"/>
      <c r="V19" s="18"/>
      <c r="W19" s="18"/>
      <c r="X19" s="3"/>
    </row>
    <row r="20" spans="1:24" ht="20.100000000000001" customHeight="1" x14ac:dyDescent="0.15">
      <c r="A20" s="81">
        <v>15</v>
      </c>
      <c r="B20" s="73" t="s">
        <v>18</v>
      </c>
      <c r="C20" s="74">
        <v>98047</v>
      </c>
      <c r="D20" s="75">
        <v>19</v>
      </c>
      <c r="E20" s="76">
        <v>-0.48</v>
      </c>
      <c r="F20" s="74">
        <v>98084</v>
      </c>
      <c r="G20" s="75">
        <v>20</v>
      </c>
      <c r="H20" s="76">
        <v>0.04</v>
      </c>
      <c r="I20" s="75">
        <v>97211</v>
      </c>
      <c r="J20" s="75">
        <v>21</v>
      </c>
      <c r="K20" s="76">
        <v>-0.89</v>
      </c>
      <c r="L20" s="77">
        <v>97591</v>
      </c>
      <c r="M20" s="77">
        <v>22</v>
      </c>
      <c r="N20" s="76">
        <v>-0.47</v>
      </c>
      <c r="O20" s="78">
        <v>99477</v>
      </c>
      <c r="P20" s="79">
        <v>17</v>
      </c>
      <c r="Q20" s="80">
        <v>1.42</v>
      </c>
      <c r="U20" s="16"/>
      <c r="V20" s="18"/>
      <c r="W20" s="18"/>
      <c r="X20" s="3"/>
    </row>
    <row r="21" spans="1:24" ht="20.100000000000001" customHeight="1" x14ac:dyDescent="0.15">
      <c r="A21" s="81">
        <v>16</v>
      </c>
      <c r="B21" s="73" t="s">
        <v>19</v>
      </c>
      <c r="C21" s="74">
        <v>91390</v>
      </c>
      <c r="D21" s="75">
        <v>28</v>
      </c>
      <c r="E21" s="76">
        <v>7.0000000000000007E-2</v>
      </c>
      <c r="F21" s="74">
        <v>90135</v>
      </c>
      <c r="G21" s="75">
        <v>30</v>
      </c>
      <c r="H21" s="76">
        <v>-1.37</v>
      </c>
      <c r="I21" s="75">
        <v>91998</v>
      </c>
      <c r="J21" s="75">
        <v>28</v>
      </c>
      <c r="K21" s="76">
        <v>2.0699999999999998</v>
      </c>
      <c r="L21" s="77">
        <v>91965</v>
      </c>
      <c r="M21" s="77">
        <v>29</v>
      </c>
      <c r="N21" s="76">
        <v>0.63</v>
      </c>
      <c r="O21" s="78">
        <v>97242</v>
      </c>
      <c r="P21" s="79">
        <v>19</v>
      </c>
      <c r="Q21" s="80">
        <v>7.88</v>
      </c>
      <c r="U21" s="16"/>
      <c r="V21" s="18"/>
      <c r="W21" s="18"/>
      <c r="X21" s="3"/>
    </row>
    <row r="22" spans="1:24" ht="20.100000000000001" customHeight="1" x14ac:dyDescent="0.15">
      <c r="A22" s="81">
        <v>17</v>
      </c>
      <c r="B22" s="73" t="s">
        <v>20</v>
      </c>
      <c r="C22" s="74">
        <v>86813</v>
      </c>
      <c r="D22" s="75">
        <v>33</v>
      </c>
      <c r="E22" s="76">
        <v>7.78</v>
      </c>
      <c r="F22" s="74">
        <v>84970</v>
      </c>
      <c r="G22" s="75">
        <v>33</v>
      </c>
      <c r="H22" s="76">
        <v>-2.12</v>
      </c>
      <c r="I22" s="75">
        <v>94864</v>
      </c>
      <c r="J22" s="75">
        <v>25</v>
      </c>
      <c r="K22" s="76">
        <v>11.64</v>
      </c>
      <c r="L22" s="77">
        <v>95986</v>
      </c>
      <c r="M22" s="77">
        <v>26</v>
      </c>
      <c r="N22" s="76">
        <v>10.57</v>
      </c>
      <c r="O22" s="78">
        <v>95219</v>
      </c>
      <c r="P22" s="79">
        <v>24</v>
      </c>
      <c r="Q22" s="80">
        <v>12.06</v>
      </c>
      <c r="U22" s="16"/>
      <c r="V22" s="18"/>
      <c r="W22" s="18"/>
      <c r="X22" s="3"/>
    </row>
    <row r="23" spans="1:24" ht="20.100000000000001" customHeight="1" x14ac:dyDescent="0.15">
      <c r="A23" s="81">
        <v>18</v>
      </c>
      <c r="B23" s="73" t="s">
        <v>21</v>
      </c>
      <c r="C23" s="74">
        <v>107898</v>
      </c>
      <c r="D23" s="75">
        <v>6</v>
      </c>
      <c r="E23" s="76">
        <v>-0.45</v>
      </c>
      <c r="F23" s="74">
        <v>108272</v>
      </c>
      <c r="G23" s="75">
        <v>4</v>
      </c>
      <c r="H23" s="76">
        <v>0.35</v>
      </c>
      <c r="I23" s="75">
        <v>102144</v>
      </c>
      <c r="J23" s="75">
        <v>14</v>
      </c>
      <c r="K23" s="76">
        <v>-5.66</v>
      </c>
      <c r="L23" s="77">
        <v>106924</v>
      </c>
      <c r="M23" s="77">
        <v>8</v>
      </c>
      <c r="N23" s="76">
        <v>-0.9</v>
      </c>
      <c r="O23" s="78">
        <v>106267</v>
      </c>
      <c r="P23" s="79">
        <v>8</v>
      </c>
      <c r="Q23" s="80">
        <v>-1.85</v>
      </c>
      <c r="U23" s="16"/>
      <c r="V23" s="18"/>
      <c r="W23" s="18"/>
      <c r="X23" s="3"/>
    </row>
    <row r="24" spans="1:24" ht="20.100000000000001" customHeight="1" x14ac:dyDescent="0.15">
      <c r="A24" s="81">
        <v>19</v>
      </c>
      <c r="B24" s="73" t="s">
        <v>23</v>
      </c>
      <c r="C24" s="74">
        <v>101571</v>
      </c>
      <c r="D24" s="75">
        <v>16</v>
      </c>
      <c r="E24" s="76">
        <v>1.35</v>
      </c>
      <c r="F24" s="74">
        <v>104106</v>
      </c>
      <c r="G24" s="75">
        <v>9</v>
      </c>
      <c r="H24" s="76">
        <v>2.5</v>
      </c>
      <c r="I24" s="75">
        <v>103945</v>
      </c>
      <c r="J24" s="75">
        <v>11</v>
      </c>
      <c r="K24" s="76">
        <v>-0.15</v>
      </c>
      <c r="L24" s="77">
        <v>100074</v>
      </c>
      <c r="M24" s="77">
        <v>20</v>
      </c>
      <c r="N24" s="76">
        <v>-1.47</v>
      </c>
      <c r="O24" s="78">
        <v>95047</v>
      </c>
      <c r="P24" s="79">
        <v>25</v>
      </c>
      <c r="Q24" s="80">
        <v>-8.6999999999999993</v>
      </c>
      <c r="U24" s="16"/>
      <c r="V24" s="18"/>
      <c r="W24" s="18"/>
      <c r="X24" s="3"/>
    </row>
    <row r="25" spans="1:24" ht="20.100000000000001" customHeight="1" x14ac:dyDescent="0.15">
      <c r="A25" s="81">
        <v>20</v>
      </c>
      <c r="B25" s="73" t="s">
        <v>24</v>
      </c>
      <c r="C25" s="74">
        <v>117019</v>
      </c>
      <c r="D25" s="75">
        <v>2</v>
      </c>
      <c r="E25" s="76">
        <v>3.43</v>
      </c>
      <c r="F25" s="74">
        <v>96999</v>
      </c>
      <c r="G25" s="75">
        <v>21</v>
      </c>
      <c r="H25" s="76">
        <v>-17.11</v>
      </c>
      <c r="I25" s="75">
        <v>92520</v>
      </c>
      <c r="J25" s="75">
        <v>27</v>
      </c>
      <c r="K25" s="76">
        <v>-4.62</v>
      </c>
      <c r="L25" s="77">
        <v>96930</v>
      </c>
      <c r="M25" s="77">
        <v>24</v>
      </c>
      <c r="N25" s="76">
        <v>-17.170000000000002</v>
      </c>
      <c r="O25" s="78">
        <v>101253</v>
      </c>
      <c r="P25" s="79">
        <v>16</v>
      </c>
      <c r="Q25" s="80">
        <v>4.3899999999999997</v>
      </c>
      <c r="U25" s="16"/>
      <c r="V25" s="18"/>
      <c r="W25" s="18"/>
      <c r="X25" s="3"/>
    </row>
    <row r="26" spans="1:24" ht="20.100000000000001" customHeight="1" x14ac:dyDescent="0.15">
      <c r="A26" s="81">
        <v>21</v>
      </c>
      <c r="B26" s="73" t="s">
        <v>22</v>
      </c>
      <c r="C26" s="74">
        <v>87952</v>
      </c>
      <c r="D26" s="75">
        <v>32</v>
      </c>
      <c r="E26" s="76">
        <v>-1.52</v>
      </c>
      <c r="F26" s="74">
        <v>86702</v>
      </c>
      <c r="G26" s="75">
        <v>32</v>
      </c>
      <c r="H26" s="76">
        <v>-1.42</v>
      </c>
      <c r="I26" s="75">
        <v>87075</v>
      </c>
      <c r="J26" s="75">
        <v>31</v>
      </c>
      <c r="K26" s="76">
        <v>0.43</v>
      </c>
      <c r="L26" s="77">
        <v>87112</v>
      </c>
      <c r="M26" s="77">
        <v>31</v>
      </c>
      <c r="N26" s="76">
        <v>-0.96</v>
      </c>
      <c r="O26" s="78">
        <v>86609</v>
      </c>
      <c r="P26" s="79">
        <v>31</v>
      </c>
      <c r="Q26" s="80">
        <v>-0.11</v>
      </c>
      <c r="U26" s="16"/>
      <c r="V26" s="18"/>
      <c r="W26" s="18"/>
      <c r="X26" s="3"/>
    </row>
    <row r="27" spans="1:24" ht="20.100000000000001" customHeight="1" x14ac:dyDescent="0.15">
      <c r="A27" s="81">
        <v>22</v>
      </c>
      <c r="B27" s="73" t="s">
        <v>25</v>
      </c>
      <c r="C27" s="74">
        <v>101884</v>
      </c>
      <c r="D27" s="75">
        <v>14</v>
      </c>
      <c r="E27" s="76">
        <v>0.76</v>
      </c>
      <c r="F27" s="74">
        <v>101988</v>
      </c>
      <c r="G27" s="75">
        <v>14</v>
      </c>
      <c r="H27" s="76">
        <v>0.1</v>
      </c>
      <c r="I27" s="75">
        <v>104934</v>
      </c>
      <c r="J27" s="75">
        <v>6</v>
      </c>
      <c r="K27" s="76">
        <v>2.89</v>
      </c>
      <c r="L27" s="77">
        <v>107218</v>
      </c>
      <c r="M27" s="77">
        <v>7</v>
      </c>
      <c r="N27" s="76">
        <v>5.24</v>
      </c>
      <c r="O27" s="78">
        <v>106914</v>
      </c>
      <c r="P27" s="79">
        <v>6</v>
      </c>
      <c r="Q27" s="80">
        <v>4.83</v>
      </c>
      <c r="U27" s="16"/>
      <c r="V27" s="18"/>
      <c r="W27" s="18"/>
      <c r="X27" s="3"/>
    </row>
    <row r="28" spans="1:24" ht="20.100000000000001" customHeight="1" x14ac:dyDescent="0.15">
      <c r="A28" s="81">
        <v>23</v>
      </c>
      <c r="B28" s="73" t="s">
        <v>26</v>
      </c>
      <c r="C28" s="74">
        <v>95480</v>
      </c>
      <c r="D28" s="75">
        <v>23</v>
      </c>
      <c r="E28" s="76">
        <v>-0.43</v>
      </c>
      <c r="F28" s="74">
        <v>103506</v>
      </c>
      <c r="G28" s="75">
        <v>12</v>
      </c>
      <c r="H28" s="76">
        <v>8.41</v>
      </c>
      <c r="I28" s="75">
        <v>102029</v>
      </c>
      <c r="J28" s="75">
        <v>15</v>
      </c>
      <c r="K28" s="76">
        <v>-1.43</v>
      </c>
      <c r="L28" s="77">
        <v>108198</v>
      </c>
      <c r="M28" s="77">
        <v>5</v>
      </c>
      <c r="N28" s="76">
        <v>13.32</v>
      </c>
      <c r="O28" s="78">
        <v>108527</v>
      </c>
      <c r="P28" s="79">
        <v>3</v>
      </c>
      <c r="Q28" s="80">
        <v>4.8499999999999996</v>
      </c>
      <c r="U28" s="16"/>
      <c r="V28" s="18"/>
      <c r="W28" s="18"/>
      <c r="X28" s="3"/>
    </row>
    <row r="29" spans="1:24" ht="20.100000000000001" customHeight="1" x14ac:dyDescent="0.15">
      <c r="A29" s="81">
        <v>24</v>
      </c>
      <c r="B29" s="73" t="s">
        <v>27</v>
      </c>
      <c r="C29" s="74">
        <v>94085</v>
      </c>
      <c r="D29" s="75">
        <v>25</v>
      </c>
      <c r="E29" s="76">
        <v>-2.0299999999999998</v>
      </c>
      <c r="F29" s="74">
        <v>92698</v>
      </c>
      <c r="G29" s="75">
        <v>27</v>
      </c>
      <c r="H29" s="76">
        <v>-1.47</v>
      </c>
      <c r="I29" s="75">
        <v>93909</v>
      </c>
      <c r="J29" s="75">
        <v>26</v>
      </c>
      <c r="K29" s="76">
        <v>1.31</v>
      </c>
      <c r="L29" s="77">
        <v>95162</v>
      </c>
      <c r="M29" s="77">
        <v>28</v>
      </c>
      <c r="N29" s="76">
        <v>1.1399999999999999</v>
      </c>
      <c r="O29" s="78">
        <v>94552</v>
      </c>
      <c r="P29" s="79">
        <v>26</v>
      </c>
      <c r="Q29" s="80">
        <v>2</v>
      </c>
      <c r="U29" s="16"/>
      <c r="V29" s="18"/>
      <c r="W29" s="18"/>
      <c r="X29" s="3"/>
    </row>
    <row r="30" spans="1:24" ht="20.100000000000001" customHeight="1" x14ac:dyDescent="0.15">
      <c r="A30" s="81">
        <v>25</v>
      </c>
      <c r="B30" s="73" t="s">
        <v>28</v>
      </c>
      <c r="C30" s="74">
        <v>98521</v>
      </c>
      <c r="D30" s="75">
        <v>18</v>
      </c>
      <c r="E30" s="76">
        <v>-3.04</v>
      </c>
      <c r="F30" s="74">
        <v>98589</v>
      </c>
      <c r="G30" s="75">
        <v>19</v>
      </c>
      <c r="H30" s="76">
        <v>7.0000000000000007E-2</v>
      </c>
      <c r="I30" s="75">
        <v>89914</v>
      </c>
      <c r="J30" s="75">
        <v>30</v>
      </c>
      <c r="K30" s="76">
        <v>-8.8000000000000007</v>
      </c>
      <c r="L30" s="77">
        <v>85936</v>
      </c>
      <c r="M30" s="77">
        <v>33</v>
      </c>
      <c r="N30" s="76">
        <v>-12.77</v>
      </c>
      <c r="O30" s="78">
        <v>72489</v>
      </c>
      <c r="P30" s="79">
        <v>33</v>
      </c>
      <c r="Q30" s="80">
        <v>-26.47</v>
      </c>
      <c r="U30" s="16"/>
      <c r="V30" s="18"/>
      <c r="W30" s="18"/>
      <c r="X30" s="3"/>
    </row>
    <row r="31" spans="1:24" ht="20.100000000000001" customHeight="1" x14ac:dyDescent="0.15">
      <c r="A31" s="81">
        <v>26</v>
      </c>
      <c r="B31" s="73" t="s">
        <v>29</v>
      </c>
      <c r="C31" s="74">
        <v>93919</v>
      </c>
      <c r="D31" s="75">
        <v>26</v>
      </c>
      <c r="E31" s="76">
        <v>-0.2</v>
      </c>
      <c r="F31" s="74">
        <v>106317</v>
      </c>
      <c r="G31" s="75">
        <v>6</v>
      </c>
      <c r="H31" s="76">
        <v>13.2</v>
      </c>
      <c r="I31" s="75">
        <v>106052</v>
      </c>
      <c r="J31" s="75">
        <v>4</v>
      </c>
      <c r="K31" s="76">
        <v>-0.25</v>
      </c>
      <c r="L31" s="77">
        <v>107911</v>
      </c>
      <c r="M31" s="77">
        <v>6</v>
      </c>
      <c r="N31" s="76">
        <v>14.9</v>
      </c>
      <c r="O31" s="78">
        <v>103881</v>
      </c>
      <c r="P31" s="79">
        <v>11</v>
      </c>
      <c r="Q31" s="80">
        <v>-2.29</v>
      </c>
      <c r="U31" s="16"/>
      <c r="V31" s="18"/>
      <c r="W31" s="18"/>
      <c r="X31" s="3"/>
    </row>
    <row r="32" spans="1:24" ht="20.100000000000001" customHeight="1" x14ac:dyDescent="0.15">
      <c r="A32" s="81">
        <v>27</v>
      </c>
      <c r="B32" s="73" t="s">
        <v>30</v>
      </c>
      <c r="C32" s="74">
        <v>105094</v>
      </c>
      <c r="D32" s="75">
        <v>8</v>
      </c>
      <c r="E32" s="76">
        <v>0.26</v>
      </c>
      <c r="F32" s="74">
        <v>105127</v>
      </c>
      <c r="G32" s="75">
        <v>8</v>
      </c>
      <c r="H32" s="76">
        <v>0.03</v>
      </c>
      <c r="I32" s="75">
        <v>104574</v>
      </c>
      <c r="J32" s="75">
        <v>7</v>
      </c>
      <c r="K32" s="76">
        <v>-0.53</v>
      </c>
      <c r="L32" s="77">
        <v>103482</v>
      </c>
      <c r="M32" s="77">
        <v>14</v>
      </c>
      <c r="N32" s="76">
        <v>-1.53</v>
      </c>
      <c r="O32" s="78">
        <v>107612</v>
      </c>
      <c r="P32" s="79">
        <v>5</v>
      </c>
      <c r="Q32" s="80">
        <v>2.36</v>
      </c>
      <c r="U32" s="16"/>
      <c r="V32" s="18"/>
      <c r="W32" s="18"/>
      <c r="X32" s="3"/>
    </row>
    <row r="33" spans="1:24" ht="20.100000000000001" customHeight="1" x14ac:dyDescent="0.15">
      <c r="A33" s="81">
        <v>28</v>
      </c>
      <c r="B33" s="73" t="s">
        <v>31</v>
      </c>
      <c r="C33" s="74">
        <v>104782</v>
      </c>
      <c r="D33" s="75">
        <v>10</v>
      </c>
      <c r="E33" s="76">
        <v>7.34</v>
      </c>
      <c r="F33" s="74">
        <v>104045</v>
      </c>
      <c r="G33" s="75">
        <v>10</v>
      </c>
      <c r="H33" s="76">
        <v>-0.7</v>
      </c>
      <c r="I33" s="75">
        <v>102762</v>
      </c>
      <c r="J33" s="75">
        <v>13</v>
      </c>
      <c r="K33" s="76">
        <v>-1.23</v>
      </c>
      <c r="L33" s="77">
        <v>105878</v>
      </c>
      <c r="M33" s="77">
        <v>9</v>
      </c>
      <c r="N33" s="76">
        <v>1.05</v>
      </c>
      <c r="O33" s="78">
        <v>105139</v>
      </c>
      <c r="P33" s="79">
        <v>9</v>
      </c>
      <c r="Q33" s="80">
        <v>1.05</v>
      </c>
      <c r="U33" s="16"/>
      <c r="V33" s="18"/>
      <c r="W33" s="18"/>
      <c r="X33" s="3"/>
    </row>
    <row r="34" spans="1:24" ht="20.100000000000001" customHeight="1" x14ac:dyDescent="0.15">
      <c r="A34" s="81">
        <v>29</v>
      </c>
      <c r="B34" s="73" t="s">
        <v>32</v>
      </c>
      <c r="C34" s="74">
        <v>104896</v>
      </c>
      <c r="D34" s="75">
        <v>9</v>
      </c>
      <c r="E34" s="76">
        <v>-1.44</v>
      </c>
      <c r="F34" s="74">
        <v>105897</v>
      </c>
      <c r="G34" s="75">
        <v>7</v>
      </c>
      <c r="H34" s="76">
        <v>0.95</v>
      </c>
      <c r="I34" s="75">
        <v>103973</v>
      </c>
      <c r="J34" s="75">
        <v>9</v>
      </c>
      <c r="K34" s="76">
        <v>-1.82</v>
      </c>
      <c r="L34" s="77">
        <v>103435</v>
      </c>
      <c r="M34" s="77">
        <v>15</v>
      </c>
      <c r="N34" s="76">
        <v>-1.39</v>
      </c>
      <c r="O34" s="78">
        <v>87646</v>
      </c>
      <c r="P34" s="79">
        <v>30</v>
      </c>
      <c r="Q34" s="80">
        <v>-17.23</v>
      </c>
      <c r="U34" s="16"/>
      <c r="V34" s="18"/>
      <c r="W34" s="18"/>
      <c r="X34" s="3"/>
    </row>
    <row r="35" spans="1:24" ht="20.100000000000001" customHeight="1" x14ac:dyDescent="0.15">
      <c r="A35" s="81">
        <v>30</v>
      </c>
      <c r="B35" s="73" t="s">
        <v>33</v>
      </c>
      <c r="C35" s="74">
        <v>111818</v>
      </c>
      <c r="D35" s="75">
        <v>3</v>
      </c>
      <c r="E35" s="76">
        <v>-1.28</v>
      </c>
      <c r="F35" s="74">
        <v>107795</v>
      </c>
      <c r="G35" s="75">
        <v>5</v>
      </c>
      <c r="H35" s="76">
        <v>-3.6</v>
      </c>
      <c r="I35" s="75">
        <v>104026</v>
      </c>
      <c r="J35" s="75">
        <v>8</v>
      </c>
      <c r="K35" s="76">
        <v>-3.5</v>
      </c>
      <c r="L35" s="77">
        <v>102800</v>
      </c>
      <c r="M35" s="77">
        <v>16</v>
      </c>
      <c r="N35" s="76">
        <v>-8.06</v>
      </c>
      <c r="O35" s="78">
        <v>96844</v>
      </c>
      <c r="P35" s="79">
        <v>20</v>
      </c>
      <c r="Q35" s="80">
        <v>-10.16</v>
      </c>
      <c r="U35" s="16"/>
      <c r="V35" s="18"/>
      <c r="W35" s="18"/>
      <c r="X35" s="3"/>
    </row>
    <row r="36" spans="1:24" ht="20.100000000000001" customHeight="1" x14ac:dyDescent="0.15">
      <c r="A36" s="81">
        <v>31</v>
      </c>
      <c r="B36" s="73" t="s">
        <v>34</v>
      </c>
      <c r="C36" s="74">
        <v>123629</v>
      </c>
      <c r="D36" s="75">
        <v>1</v>
      </c>
      <c r="E36" s="76">
        <v>-2.94</v>
      </c>
      <c r="F36" s="74">
        <v>117865</v>
      </c>
      <c r="G36" s="75">
        <v>1</v>
      </c>
      <c r="H36" s="76">
        <v>-4.66</v>
      </c>
      <c r="I36" s="75">
        <v>100953</v>
      </c>
      <c r="J36" s="75">
        <v>17</v>
      </c>
      <c r="K36" s="76">
        <v>-14.35</v>
      </c>
      <c r="L36" s="77">
        <v>100491</v>
      </c>
      <c r="M36" s="77">
        <v>18</v>
      </c>
      <c r="N36" s="76">
        <v>-18.72</v>
      </c>
      <c r="O36" s="78">
        <v>96298</v>
      </c>
      <c r="P36" s="79">
        <v>23</v>
      </c>
      <c r="Q36" s="80">
        <v>-18.3</v>
      </c>
      <c r="U36" s="16"/>
      <c r="V36" s="18"/>
      <c r="W36" s="18"/>
      <c r="X36" s="3"/>
    </row>
    <row r="37" spans="1:24" ht="20.100000000000001" customHeight="1" x14ac:dyDescent="0.15">
      <c r="A37" s="81">
        <v>32</v>
      </c>
      <c r="B37" s="73" t="s">
        <v>35</v>
      </c>
      <c r="C37" s="74">
        <v>91093</v>
      </c>
      <c r="D37" s="75">
        <v>29</v>
      </c>
      <c r="E37" s="76">
        <v>-1.86</v>
      </c>
      <c r="F37" s="74">
        <v>90921</v>
      </c>
      <c r="G37" s="75">
        <v>29</v>
      </c>
      <c r="H37" s="76">
        <v>-0.19</v>
      </c>
      <c r="I37" s="75">
        <v>91863</v>
      </c>
      <c r="J37" s="75">
        <v>29</v>
      </c>
      <c r="K37" s="76">
        <v>1.04</v>
      </c>
      <c r="L37" s="77">
        <v>97566</v>
      </c>
      <c r="M37" s="77">
        <v>23</v>
      </c>
      <c r="N37" s="76">
        <v>7.11</v>
      </c>
      <c r="O37" s="78">
        <v>92744</v>
      </c>
      <c r="P37" s="79">
        <v>28</v>
      </c>
      <c r="Q37" s="80">
        <v>2.0099999999999998</v>
      </c>
      <c r="U37" s="16"/>
      <c r="V37" s="18"/>
      <c r="W37" s="18"/>
      <c r="X37" s="3"/>
    </row>
    <row r="38" spans="1:24" ht="20.100000000000001" customHeight="1" thickBot="1" x14ac:dyDescent="0.2">
      <c r="A38" s="82">
        <v>33</v>
      </c>
      <c r="B38" s="83" t="s">
        <v>36</v>
      </c>
      <c r="C38" s="84">
        <v>89657</v>
      </c>
      <c r="D38" s="85">
        <v>30</v>
      </c>
      <c r="E38" s="86">
        <v>0.63</v>
      </c>
      <c r="F38" s="84">
        <v>92056</v>
      </c>
      <c r="G38" s="85">
        <v>28</v>
      </c>
      <c r="H38" s="86">
        <v>2.68</v>
      </c>
      <c r="I38" s="85">
        <v>86164</v>
      </c>
      <c r="J38" s="85">
        <v>33</v>
      </c>
      <c r="K38" s="86">
        <v>-6.4</v>
      </c>
      <c r="L38" s="87">
        <v>89057</v>
      </c>
      <c r="M38" s="87">
        <v>30</v>
      </c>
      <c r="N38" s="86">
        <v>-0.67</v>
      </c>
      <c r="O38" s="88">
        <v>82591</v>
      </c>
      <c r="P38" s="89">
        <v>32</v>
      </c>
      <c r="Q38" s="90">
        <v>-10.28</v>
      </c>
      <c r="U38" s="16"/>
      <c r="V38" s="18"/>
      <c r="W38" s="18"/>
      <c r="X38" s="3"/>
    </row>
    <row r="39" spans="1:24" ht="20.100000000000001" customHeight="1" thickTop="1" x14ac:dyDescent="0.15">
      <c r="A39" s="91">
        <v>301</v>
      </c>
      <c r="B39" s="92" t="s">
        <v>68</v>
      </c>
      <c r="C39" s="93">
        <v>190887</v>
      </c>
      <c r="D39" s="94">
        <v>3</v>
      </c>
      <c r="E39" s="95">
        <v>0.54</v>
      </c>
      <c r="F39" s="93">
        <v>251605</v>
      </c>
      <c r="G39" s="94">
        <v>2</v>
      </c>
      <c r="H39" s="95">
        <v>31.81</v>
      </c>
      <c r="I39" s="94">
        <v>253013</v>
      </c>
      <c r="J39" s="94">
        <v>2</v>
      </c>
      <c r="K39" s="95">
        <v>0.56000000000000005</v>
      </c>
      <c r="L39" s="96">
        <v>253336</v>
      </c>
      <c r="M39" s="96">
        <v>2</v>
      </c>
      <c r="N39" s="95">
        <v>0.13</v>
      </c>
      <c r="O39" s="97">
        <v>254735</v>
      </c>
      <c r="P39" s="98">
        <v>2</v>
      </c>
      <c r="Q39" s="99">
        <v>0.55000000000000004</v>
      </c>
      <c r="U39" s="16"/>
      <c r="V39" s="18"/>
      <c r="X39" s="3"/>
    </row>
    <row r="40" spans="1:24" ht="20.100000000000001" customHeight="1" x14ac:dyDescent="0.15">
      <c r="A40" s="81">
        <v>302</v>
      </c>
      <c r="B40" s="73" t="s">
        <v>42</v>
      </c>
      <c r="C40" s="74">
        <v>220391</v>
      </c>
      <c r="D40" s="75">
        <v>2</v>
      </c>
      <c r="E40" s="76">
        <v>7.16</v>
      </c>
      <c r="F40" s="74">
        <v>225619</v>
      </c>
      <c r="G40" s="75">
        <v>3</v>
      </c>
      <c r="H40" s="76">
        <v>2.37</v>
      </c>
      <c r="I40" s="75">
        <v>230397</v>
      </c>
      <c r="J40" s="75">
        <v>3</v>
      </c>
      <c r="K40" s="76">
        <v>2.12</v>
      </c>
      <c r="L40" s="77">
        <v>230857</v>
      </c>
      <c r="M40" s="77">
        <v>3</v>
      </c>
      <c r="N40" s="76">
        <v>0.2</v>
      </c>
      <c r="O40" s="78">
        <v>240405</v>
      </c>
      <c r="P40" s="79">
        <v>3</v>
      </c>
      <c r="Q40" s="80">
        <v>4.1399999999999997</v>
      </c>
      <c r="U40" s="16"/>
      <c r="V40" s="18"/>
      <c r="X40" s="3"/>
    </row>
    <row r="41" spans="1:24" ht="20.100000000000001" customHeight="1" x14ac:dyDescent="0.15">
      <c r="A41" s="81">
        <v>303</v>
      </c>
      <c r="B41" s="73" t="s">
        <v>43</v>
      </c>
      <c r="C41" s="74">
        <v>144173</v>
      </c>
      <c r="D41" s="75">
        <v>6</v>
      </c>
      <c r="E41" s="76">
        <v>14.59</v>
      </c>
      <c r="F41" s="74">
        <v>168551</v>
      </c>
      <c r="G41" s="75">
        <v>5</v>
      </c>
      <c r="H41" s="76">
        <v>16.91</v>
      </c>
      <c r="I41" s="75">
        <v>169158</v>
      </c>
      <c r="J41" s="75">
        <v>5</v>
      </c>
      <c r="K41" s="76">
        <v>0.36</v>
      </c>
      <c r="L41" s="77">
        <v>170046</v>
      </c>
      <c r="M41" s="77">
        <v>5</v>
      </c>
      <c r="N41" s="76">
        <v>0.52</v>
      </c>
      <c r="O41" s="78">
        <v>170577</v>
      </c>
      <c r="P41" s="79">
        <v>5</v>
      </c>
      <c r="Q41" s="80">
        <v>0.31</v>
      </c>
      <c r="U41" s="16"/>
      <c r="V41" s="18"/>
      <c r="X41" s="3"/>
    </row>
    <row r="42" spans="1:24" ht="20.100000000000001" customHeight="1" x14ac:dyDescent="0.15">
      <c r="A42" s="81">
        <v>304</v>
      </c>
      <c r="B42" s="73" t="s">
        <v>44</v>
      </c>
      <c r="C42" s="74">
        <v>254983</v>
      </c>
      <c r="D42" s="75">
        <v>1</v>
      </c>
      <c r="E42" s="76">
        <v>0.57999999999999996</v>
      </c>
      <c r="F42" s="74">
        <v>256233</v>
      </c>
      <c r="G42" s="75">
        <v>1</v>
      </c>
      <c r="H42" s="76">
        <v>0.49</v>
      </c>
      <c r="I42" s="75">
        <v>255984</v>
      </c>
      <c r="J42" s="75">
        <v>1</v>
      </c>
      <c r="K42" s="76">
        <v>-0.1</v>
      </c>
      <c r="L42" s="77">
        <v>257295</v>
      </c>
      <c r="M42" s="77">
        <v>1</v>
      </c>
      <c r="N42" s="76">
        <v>0.51</v>
      </c>
      <c r="O42" s="78">
        <v>258846</v>
      </c>
      <c r="P42" s="79">
        <v>1</v>
      </c>
      <c r="Q42" s="80">
        <v>0.6</v>
      </c>
      <c r="U42" s="16"/>
      <c r="V42" s="18"/>
      <c r="X42" s="3"/>
    </row>
    <row r="43" spans="1:24" ht="20.100000000000001" customHeight="1" x14ac:dyDescent="0.15">
      <c r="A43" s="81">
        <v>305</v>
      </c>
      <c r="B43" s="73" t="s">
        <v>45</v>
      </c>
      <c r="C43" s="74">
        <v>180733</v>
      </c>
      <c r="D43" s="75">
        <v>4</v>
      </c>
      <c r="E43" s="76">
        <v>0.73</v>
      </c>
      <c r="F43" s="74">
        <v>183400</v>
      </c>
      <c r="G43" s="75">
        <v>4</v>
      </c>
      <c r="H43" s="76">
        <v>1.48</v>
      </c>
      <c r="I43" s="75">
        <v>186384</v>
      </c>
      <c r="J43" s="75">
        <v>4</v>
      </c>
      <c r="K43" s="76">
        <v>1.63</v>
      </c>
      <c r="L43" s="77">
        <v>188080</v>
      </c>
      <c r="M43" s="77">
        <v>4</v>
      </c>
      <c r="N43" s="76">
        <v>0.91</v>
      </c>
      <c r="O43" s="78">
        <v>187304</v>
      </c>
      <c r="P43" s="79">
        <v>4</v>
      </c>
      <c r="Q43" s="80">
        <v>-0.41</v>
      </c>
      <c r="U43" s="16"/>
      <c r="V43" s="18"/>
      <c r="X43" s="3"/>
    </row>
    <row r="44" spans="1:24" ht="20.100000000000001" customHeight="1" thickBot="1" x14ac:dyDescent="0.2">
      <c r="A44" s="82">
        <v>306</v>
      </c>
      <c r="B44" s="83" t="s">
        <v>46</v>
      </c>
      <c r="C44" s="84">
        <v>153415</v>
      </c>
      <c r="D44" s="85">
        <v>5</v>
      </c>
      <c r="E44" s="86">
        <v>2.46</v>
      </c>
      <c r="F44" s="84">
        <v>160377</v>
      </c>
      <c r="G44" s="85">
        <v>6</v>
      </c>
      <c r="H44" s="86">
        <v>4.54</v>
      </c>
      <c r="I44" s="85">
        <v>164734</v>
      </c>
      <c r="J44" s="85">
        <v>6</v>
      </c>
      <c r="K44" s="86">
        <v>2.72</v>
      </c>
      <c r="L44" s="87">
        <v>169043</v>
      </c>
      <c r="M44" s="87">
        <v>6</v>
      </c>
      <c r="N44" s="86">
        <v>2.62</v>
      </c>
      <c r="O44" s="88">
        <v>122615</v>
      </c>
      <c r="P44" s="89">
        <v>6</v>
      </c>
      <c r="Q44" s="90">
        <v>-27.47</v>
      </c>
      <c r="U44" s="16"/>
      <c r="V44" s="18"/>
      <c r="X44" s="3"/>
    </row>
    <row r="45" spans="1:24" ht="20.100000000000001" customHeight="1" thickTop="1" thickBot="1" x14ac:dyDescent="0.2">
      <c r="A45" s="299" t="s">
        <v>51</v>
      </c>
      <c r="B45" s="300"/>
      <c r="C45" s="100">
        <v>100731</v>
      </c>
      <c r="D45" s="101"/>
      <c r="E45" s="102">
        <v>1.43</v>
      </c>
      <c r="F45" s="100">
        <v>100860</v>
      </c>
      <c r="G45" s="101"/>
      <c r="H45" s="102">
        <v>0.13</v>
      </c>
      <c r="I45" s="103">
        <v>103968</v>
      </c>
      <c r="J45" s="103"/>
      <c r="K45" s="102">
        <v>3.08</v>
      </c>
      <c r="L45" s="104">
        <v>105374</v>
      </c>
      <c r="M45" s="102"/>
      <c r="N45" s="102">
        <v>1.35</v>
      </c>
      <c r="O45" s="105">
        <v>105258</v>
      </c>
      <c r="P45" s="106"/>
      <c r="Q45" s="107">
        <v>-0.11</v>
      </c>
      <c r="U45" s="335"/>
      <c r="X45" s="3"/>
    </row>
    <row r="46" spans="1:24" ht="20.100000000000001" customHeight="1" thickTop="1" thickBot="1" x14ac:dyDescent="0.2">
      <c r="A46" s="299" t="s">
        <v>63</v>
      </c>
      <c r="B46" s="300"/>
      <c r="C46" s="100">
        <v>168255</v>
      </c>
      <c r="D46" s="101"/>
      <c r="E46" s="102">
        <v>4.29</v>
      </c>
      <c r="F46" s="100">
        <v>182012</v>
      </c>
      <c r="G46" s="101"/>
      <c r="H46" s="102">
        <v>8.18</v>
      </c>
      <c r="I46" s="103">
        <v>185677</v>
      </c>
      <c r="J46" s="103"/>
      <c r="K46" s="102">
        <v>2.0099999999999998</v>
      </c>
      <c r="L46" s="104">
        <v>188601</v>
      </c>
      <c r="M46" s="102"/>
      <c r="N46" s="102">
        <v>1.57</v>
      </c>
      <c r="O46" s="105">
        <v>162428</v>
      </c>
      <c r="P46" s="106"/>
      <c r="Q46" s="107">
        <v>-13.88</v>
      </c>
      <c r="U46" s="335"/>
      <c r="X46" s="3"/>
    </row>
    <row r="47" spans="1:24" ht="20.100000000000001" customHeight="1" thickTop="1" thickBot="1" x14ac:dyDescent="0.2">
      <c r="A47" s="301" t="s">
        <v>66</v>
      </c>
      <c r="B47" s="302"/>
      <c r="C47" s="108">
        <v>104995</v>
      </c>
      <c r="D47" s="109"/>
      <c r="E47" s="110">
        <v>1.7</v>
      </c>
      <c r="F47" s="108">
        <v>106165</v>
      </c>
      <c r="G47" s="109"/>
      <c r="H47" s="110">
        <v>1.1100000000000001</v>
      </c>
      <c r="I47" s="111">
        <v>109411</v>
      </c>
      <c r="J47" s="111"/>
      <c r="K47" s="110">
        <v>3.06</v>
      </c>
      <c r="L47" s="112">
        <v>111048</v>
      </c>
      <c r="M47" s="110"/>
      <c r="N47" s="110">
        <v>1.5</v>
      </c>
      <c r="O47" s="113">
        <v>109207</v>
      </c>
      <c r="P47" s="114"/>
      <c r="Q47" s="115">
        <v>-1.66</v>
      </c>
      <c r="U47" s="335"/>
      <c r="X47" s="3"/>
    </row>
    <row r="48" spans="1:24" ht="12.75" customHeight="1" x14ac:dyDescent="0.15">
      <c r="A48" s="336"/>
      <c r="B48" s="336"/>
      <c r="C48" s="336"/>
      <c r="D48" s="336"/>
      <c r="E48" s="336"/>
      <c r="F48" s="336"/>
      <c r="G48" s="336"/>
      <c r="H48" s="336"/>
      <c r="I48" s="336"/>
      <c r="J48" s="336"/>
      <c r="K48" s="336"/>
      <c r="L48" s="336"/>
      <c r="M48" s="336"/>
      <c r="N48" s="336"/>
      <c r="O48" s="336"/>
      <c r="P48" s="336"/>
      <c r="Q48" s="336"/>
    </row>
    <row r="49" spans="1:24" ht="13.2" x14ac:dyDescent="0.2">
      <c r="V49" s="10"/>
      <c r="W49" s="337"/>
    </row>
    <row r="50" spans="1:24" x14ac:dyDescent="0.15">
      <c r="A50" s="338"/>
      <c r="V50" s="10"/>
      <c r="W50" s="339"/>
    </row>
    <row r="52" spans="1:24" x14ac:dyDescent="0.15">
      <c r="C52" s="340"/>
      <c r="D52" s="340"/>
      <c r="E52" s="340"/>
      <c r="F52" s="340"/>
      <c r="G52" s="340"/>
      <c r="H52" s="340"/>
      <c r="I52" s="341"/>
      <c r="J52" s="341"/>
      <c r="K52" s="340"/>
      <c r="L52" s="340"/>
      <c r="M52" s="340"/>
      <c r="N52" s="340"/>
      <c r="O52" s="340"/>
      <c r="P52" s="340"/>
      <c r="Q52" s="340"/>
      <c r="R52" s="340"/>
      <c r="S52" s="340"/>
      <c r="T52" s="340"/>
      <c r="U52" s="340"/>
      <c r="V52" s="340"/>
      <c r="W52" s="340"/>
      <c r="X52" s="340"/>
    </row>
    <row r="53" spans="1:24" x14ac:dyDescent="0.15">
      <c r="C53" s="340"/>
      <c r="D53" s="340"/>
      <c r="E53" s="340"/>
      <c r="F53" s="340"/>
      <c r="G53" s="340"/>
      <c r="H53" s="340"/>
      <c r="I53" s="341"/>
      <c r="J53" s="341"/>
      <c r="K53" s="340"/>
      <c r="L53" s="340"/>
      <c r="M53" s="340"/>
      <c r="N53" s="340"/>
      <c r="O53" s="340"/>
      <c r="P53" s="340"/>
      <c r="Q53" s="340"/>
      <c r="R53" s="340"/>
      <c r="S53" s="340"/>
      <c r="T53" s="340"/>
      <c r="U53" s="340"/>
      <c r="V53" s="340"/>
      <c r="W53" s="340"/>
      <c r="X53" s="340"/>
    </row>
    <row r="54" spans="1:24" x14ac:dyDescent="0.15">
      <c r="C54" s="340"/>
      <c r="D54" s="340"/>
      <c r="E54" s="340"/>
      <c r="F54" s="340"/>
      <c r="G54" s="340"/>
      <c r="H54" s="340"/>
      <c r="I54" s="341"/>
      <c r="J54" s="341"/>
      <c r="K54" s="340"/>
      <c r="L54" s="340"/>
      <c r="M54" s="340"/>
      <c r="N54" s="340"/>
      <c r="O54" s="340"/>
      <c r="P54" s="340"/>
      <c r="Q54" s="340"/>
      <c r="R54" s="340"/>
      <c r="S54" s="340"/>
      <c r="T54" s="340"/>
      <c r="U54" s="340"/>
      <c r="V54" s="340"/>
      <c r="W54" s="340"/>
      <c r="X54" s="340"/>
    </row>
  </sheetData>
  <mergeCells count="11">
    <mergeCell ref="A48:Q48"/>
    <mergeCell ref="A46:B46"/>
    <mergeCell ref="A45:B45"/>
    <mergeCell ref="A47:B47"/>
    <mergeCell ref="X1:X4"/>
    <mergeCell ref="O3:Q3"/>
    <mergeCell ref="A3:B5"/>
    <mergeCell ref="F3:H3"/>
    <mergeCell ref="C3:E3"/>
    <mergeCell ref="I3:K3"/>
    <mergeCell ref="L3:N3"/>
  </mergeCells>
  <phoneticPr fontId="8"/>
  <printOptions horizontalCentered="1" gridLinesSet="0"/>
  <pageMargins left="0.59055118110236227" right="0.59055118110236227" top="0.59055118110236227" bottom="0.59055118110236227" header="0.19685039370078741" footer="0.47244094488188981"/>
  <pageSetup paperSize="9" scale="87" orientation="portrait" blackAndWhite="1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 codeName="Sheet7"/>
  <dimension ref="A1:Y51"/>
  <sheetViews>
    <sheetView zoomScaleNormal="100" zoomScaleSheetLayoutView="100" workbookViewId="0">
      <pane xSplit="2" ySplit="5" topLeftCell="C6" activePane="bottomRight" state="frozen"/>
      <selection pane="topRight" activeCell="C1" sqref="C1"/>
      <selection pane="bottomLeft" activeCell="A6" sqref="A6"/>
      <selection pane="bottomRight"/>
    </sheetView>
  </sheetViews>
  <sheetFormatPr defaultColWidth="9" defaultRowHeight="10.8" x14ac:dyDescent="0.15"/>
  <cols>
    <col min="1" max="1" width="3.44140625" style="2" customWidth="1"/>
    <col min="2" max="2" width="10.109375" style="2" customWidth="1"/>
    <col min="3" max="3" width="8.109375" style="2" customWidth="1"/>
    <col min="4" max="4" width="3.109375" style="2" customWidth="1"/>
    <col min="5" max="5" width="6.33203125" style="2" customWidth="1"/>
    <col min="6" max="6" width="8.109375" style="2" customWidth="1"/>
    <col min="7" max="7" width="3.109375" style="2" customWidth="1"/>
    <col min="8" max="8" width="6.33203125" style="2" customWidth="1"/>
    <col min="9" max="9" width="8.109375" style="20" customWidth="1"/>
    <col min="10" max="10" width="3.109375" style="20" customWidth="1"/>
    <col min="11" max="11" width="6.33203125" style="2" customWidth="1"/>
    <col min="12" max="12" width="8.109375" style="2" customWidth="1"/>
    <col min="13" max="13" width="3.109375" style="2" customWidth="1"/>
    <col min="14" max="14" width="6.33203125" style="2" customWidth="1"/>
    <col min="15" max="15" width="8.109375" style="2" customWidth="1"/>
    <col min="16" max="16" width="3.109375" style="2" customWidth="1"/>
    <col min="17" max="17" width="6.33203125" style="2" customWidth="1"/>
    <col min="18" max="19" width="4" style="2" customWidth="1"/>
    <col min="20" max="20" width="15.88671875" style="2" customWidth="1"/>
    <col min="21" max="21" width="10.88671875" style="2" customWidth="1"/>
    <col min="22" max="22" width="16.44140625" style="2" customWidth="1"/>
    <col min="23" max="23" width="15.109375" style="2" customWidth="1"/>
    <col min="24" max="24" width="10.44140625" style="2" bestFit="1" customWidth="1"/>
    <col min="25" max="16384" width="9" style="2"/>
  </cols>
  <sheetData>
    <row r="1" spans="1:25" ht="16.5" customHeight="1" x14ac:dyDescent="0.2">
      <c r="A1" s="19" t="s">
        <v>73</v>
      </c>
      <c r="T1" s="342"/>
      <c r="X1" s="343"/>
      <c r="Y1" s="343"/>
    </row>
    <row r="2" spans="1:25" ht="18" customHeight="1" thickBot="1" x14ac:dyDescent="0.25">
      <c r="B2" s="19" t="s">
        <v>91</v>
      </c>
      <c r="C2" s="64"/>
      <c r="D2" s="64"/>
      <c r="E2" s="64"/>
      <c r="F2" s="64"/>
      <c r="G2" s="64"/>
      <c r="H2" s="64"/>
      <c r="I2" s="65"/>
      <c r="J2" s="65"/>
      <c r="K2" s="64"/>
      <c r="L2" s="64"/>
      <c r="M2" s="64"/>
      <c r="N2" s="64"/>
      <c r="U2" s="344"/>
      <c r="V2" s="334"/>
      <c r="W2" s="334"/>
      <c r="X2" s="343"/>
      <c r="Y2" s="343"/>
    </row>
    <row r="3" spans="1:25" s="6" customFormat="1" ht="15" customHeight="1" x14ac:dyDescent="0.15">
      <c r="A3" s="277" t="s">
        <v>58</v>
      </c>
      <c r="B3" s="283"/>
      <c r="C3" s="306" t="s">
        <v>85</v>
      </c>
      <c r="D3" s="307"/>
      <c r="E3" s="307"/>
      <c r="F3" s="306" t="s">
        <v>92</v>
      </c>
      <c r="G3" s="283"/>
      <c r="H3" s="283"/>
      <c r="I3" s="303" t="s">
        <v>93</v>
      </c>
      <c r="J3" s="283"/>
      <c r="K3" s="283"/>
      <c r="L3" s="303" t="s">
        <v>88</v>
      </c>
      <c r="M3" s="283"/>
      <c r="N3" s="283"/>
      <c r="O3" s="303" t="s">
        <v>98</v>
      </c>
      <c r="P3" s="283"/>
      <c r="Q3" s="304"/>
      <c r="T3" s="345"/>
      <c r="U3" s="345"/>
      <c r="V3" s="345"/>
      <c r="X3" s="333"/>
      <c r="Y3" s="346"/>
    </row>
    <row r="4" spans="1:25" ht="12.75" customHeight="1" x14ac:dyDescent="0.15">
      <c r="A4" s="284"/>
      <c r="B4" s="285"/>
      <c r="C4" s="21" t="s">
        <v>48</v>
      </c>
      <c r="D4" s="11" t="s">
        <v>47</v>
      </c>
      <c r="E4" s="21" t="s">
        <v>95</v>
      </c>
      <c r="F4" s="66" t="s">
        <v>48</v>
      </c>
      <c r="G4" s="11" t="s">
        <v>47</v>
      </c>
      <c r="H4" s="21" t="s">
        <v>86</v>
      </c>
      <c r="I4" s="67" t="s">
        <v>48</v>
      </c>
      <c r="J4" s="11" t="s">
        <v>47</v>
      </c>
      <c r="K4" s="21" t="s">
        <v>96</v>
      </c>
      <c r="L4" s="66" t="s">
        <v>48</v>
      </c>
      <c r="M4" s="11" t="s">
        <v>47</v>
      </c>
      <c r="N4" s="21" t="s">
        <v>89</v>
      </c>
      <c r="O4" s="66" t="s">
        <v>48</v>
      </c>
      <c r="P4" s="11" t="s">
        <v>47</v>
      </c>
      <c r="Q4" s="23" t="s">
        <v>97</v>
      </c>
      <c r="T4" s="5"/>
      <c r="V4" s="5"/>
      <c r="W4" s="5"/>
      <c r="X4" s="333"/>
      <c r="Y4" s="346"/>
    </row>
    <row r="5" spans="1:25" s="1" customFormat="1" ht="12.75" customHeight="1" x14ac:dyDescent="0.15">
      <c r="A5" s="284"/>
      <c r="B5" s="285"/>
      <c r="C5" s="25" t="s">
        <v>49</v>
      </c>
      <c r="D5" s="12" t="s">
        <v>50</v>
      </c>
      <c r="E5" s="25" t="s">
        <v>1</v>
      </c>
      <c r="F5" s="25" t="s">
        <v>49</v>
      </c>
      <c r="G5" s="12" t="s">
        <v>50</v>
      </c>
      <c r="H5" s="25" t="s">
        <v>1</v>
      </c>
      <c r="I5" s="69" t="s">
        <v>49</v>
      </c>
      <c r="J5" s="12" t="s">
        <v>50</v>
      </c>
      <c r="K5" s="25" t="s">
        <v>1</v>
      </c>
      <c r="L5" s="25" t="s">
        <v>49</v>
      </c>
      <c r="M5" s="12" t="s">
        <v>50</v>
      </c>
      <c r="N5" s="25" t="s">
        <v>1</v>
      </c>
      <c r="O5" s="25" t="s">
        <v>49</v>
      </c>
      <c r="P5" s="12" t="s">
        <v>50</v>
      </c>
      <c r="Q5" s="71" t="s">
        <v>60</v>
      </c>
    </row>
    <row r="6" spans="1:25" ht="19.5" customHeight="1" x14ac:dyDescent="0.15">
      <c r="A6" s="72">
        <v>1</v>
      </c>
      <c r="B6" s="73" t="s">
        <v>3</v>
      </c>
      <c r="C6" s="75">
        <v>157559</v>
      </c>
      <c r="D6" s="75">
        <v>21</v>
      </c>
      <c r="E6" s="76">
        <v>-0.92</v>
      </c>
      <c r="F6" s="75">
        <v>154788</v>
      </c>
      <c r="G6" s="75">
        <v>22</v>
      </c>
      <c r="H6" s="76">
        <v>-1.76</v>
      </c>
      <c r="I6" s="75">
        <v>160405</v>
      </c>
      <c r="J6" s="75">
        <v>14</v>
      </c>
      <c r="K6" s="76">
        <v>3.63</v>
      </c>
      <c r="L6" s="77">
        <v>159853</v>
      </c>
      <c r="M6" s="77">
        <v>15</v>
      </c>
      <c r="N6" s="76">
        <v>-0.34</v>
      </c>
      <c r="O6" s="116">
        <v>158156</v>
      </c>
      <c r="P6" s="117">
        <v>13</v>
      </c>
      <c r="Q6" s="80">
        <v>-1.06</v>
      </c>
      <c r="U6" s="15"/>
    </row>
    <row r="7" spans="1:25" ht="19.5" customHeight="1" x14ac:dyDescent="0.15">
      <c r="A7" s="81">
        <v>2</v>
      </c>
      <c r="B7" s="73" t="s">
        <v>5</v>
      </c>
      <c r="C7" s="75">
        <v>168930</v>
      </c>
      <c r="D7" s="75">
        <v>14</v>
      </c>
      <c r="E7" s="76">
        <v>1.74</v>
      </c>
      <c r="F7" s="75">
        <v>169088</v>
      </c>
      <c r="G7" s="75">
        <v>7</v>
      </c>
      <c r="H7" s="76">
        <v>0.09</v>
      </c>
      <c r="I7" s="75">
        <v>170670</v>
      </c>
      <c r="J7" s="75">
        <v>3</v>
      </c>
      <c r="K7" s="76">
        <v>0.94</v>
      </c>
      <c r="L7" s="77">
        <v>170414</v>
      </c>
      <c r="M7" s="77">
        <v>2</v>
      </c>
      <c r="N7" s="76">
        <v>-0.15</v>
      </c>
      <c r="O7" s="78">
        <v>167739</v>
      </c>
      <c r="P7" s="117">
        <v>1</v>
      </c>
      <c r="Q7" s="80">
        <v>-1.57</v>
      </c>
      <c r="R7" s="9"/>
      <c r="U7" s="16"/>
    </row>
    <row r="8" spans="1:25" ht="19.5" customHeight="1" x14ac:dyDescent="0.15">
      <c r="A8" s="81">
        <v>3</v>
      </c>
      <c r="B8" s="73" t="s">
        <v>6</v>
      </c>
      <c r="C8" s="75">
        <v>147693</v>
      </c>
      <c r="D8" s="75">
        <v>31</v>
      </c>
      <c r="E8" s="76">
        <v>-3.85</v>
      </c>
      <c r="F8" s="75">
        <v>152223</v>
      </c>
      <c r="G8" s="75">
        <v>25</v>
      </c>
      <c r="H8" s="76">
        <v>3.07</v>
      </c>
      <c r="I8" s="75">
        <v>148386</v>
      </c>
      <c r="J8" s="75">
        <v>27</v>
      </c>
      <c r="K8" s="76">
        <v>-2.52</v>
      </c>
      <c r="L8" s="77">
        <v>146161</v>
      </c>
      <c r="M8" s="77">
        <v>27</v>
      </c>
      <c r="N8" s="76">
        <v>-1.5</v>
      </c>
      <c r="O8" s="78">
        <v>141909</v>
      </c>
      <c r="P8" s="117">
        <v>29</v>
      </c>
      <c r="Q8" s="80">
        <v>-2.91</v>
      </c>
      <c r="U8" s="16"/>
    </row>
    <row r="9" spans="1:25" ht="19.5" customHeight="1" x14ac:dyDescent="0.15">
      <c r="A9" s="81">
        <v>4</v>
      </c>
      <c r="B9" s="73" t="s">
        <v>7</v>
      </c>
      <c r="C9" s="75">
        <v>158286</v>
      </c>
      <c r="D9" s="75">
        <v>20</v>
      </c>
      <c r="E9" s="76">
        <v>3.11</v>
      </c>
      <c r="F9" s="75">
        <v>151753</v>
      </c>
      <c r="G9" s="75">
        <v>26</v>
      </c>
      <c r="H9" s="76">
        <v>-4.13</v>
      </c>
      <c r="I9" s="75">
        <v>153247</v>
      </c>
      <c r="J9" s="75">
        <v>21</v>
      </c>
      <c r="K9" s="76">
        <v>0.98</v>
      </c>
      <c r="L9" s="77">
        <v>156478</v>
      </c>
      <c r="M9" s="77">
        <v>21</v>
      </c>
      <c r="N9" s="76">
        <v>2.11</v>
      </c>
      <c r="O9" s="78">
        <v>157189</v>
      </c>
      <c r="P9" s="117">
        <v>16</v>
      </c>
      <c r="Q9" s="80">
        <v>0.45</v>
      </c>
      <c r="U9" s="16"/>
    </row>
    <row r="10" spans="1:25" ht="19.5" customHeight="1" x14ac:dyDescent="0.15">
      <c r="A10" s="81">
        <v>5</v>
      </c>
      <c r="B10" s="73" t="s">
        <v>8</v>
      </c>
      <c r="C10" s="75">
        <v>161381</v>
      </c>
      <c r="D10" s="75">
        <v>18</v>
      </c>
      <c r="E10" s="76">
        <v>1.89</v>
      </c>
      <c r="F10" s="75">
        <v>157167</v>
      </c>
      <c r="G10" s="75">
        <v>20</v>
      </c>
      <c r="H10" s="76">
        <v>-2.61</v>
      </c>
      <c r="I10" s="75">
        <v>159140</v>
      </c>
      <c r="J10" s="75">
        <v>16</v>
      </c>
      <c r="K10" s="76">
        <v>1.26</v>
      </c>
      <c r="L10" s="77">
        <v>166158</v>
      </c>
      <c r="M10" s="77">
        <v>7</v>
      </c>
      <c r="N10" s="76">
        <v>4.41</v>
      </c>
      <c r="O10" s="78">
        <v>162984</v>
      </c>
      <c r="P10" s="117">
        <v>8</v>
      </c>
      <c r="Q10" s="80">
        <v>-1.91</v>
      </c>
      <c r="U10" s="16"/>
    </row>
    <row r="11" spans="1:25" ht="19.5" customHeight="1" x14ac:dyDescent="0.15">
      <c r="A11" s="81">
        <v>6</v>
      </c>
      <c r="B11" s="73" t="s">
        <v>9</v>
      </c>
      <c r="C11" s="75">
        <v>174962</v>
      </c>
      <c r="D11" s="75">
        <v>7</v>
      </c>
      <c r="E11" s="76">
        <v>-1.49</v>
      </c>
      <c r="F11" s="75">
        <v>166362</v>
      </c>
      <c r="G11" s="75">
        <v>11</v>
      </c>
      <c r="H11" s="76">
        <v>-4.92</v>
      </c>
      <c r="I11" s="75">
        <v>165366</v>
      </c>
      <c r="J11" s="75">
        <v>8</v>
      </c>
      <c r="K11" s="76">
        <v>-0.6</v>
      </c>
      <c r="L11" s="77">
        <v>162547</v>
      </c>
      <c r="M11" s="77">
        <v>11</v>
      </c>
      <c r="N11" s="76">
        <v>-1.7</v>
      </c>
      <c r="O11" s="78">
        <v>157885</v>
      </c>
      <c r="P11" s="117">
        <v>14</v>
      </c>
      <c r="Q11" s="80">
        <v>-2.87</v>
      </c>
      <c r="U11" s="16"/>
    </row>
    <row r="12" spans="1:25" ht="19.5" customHeight="1" x14ac:dyDescent="0.15">
      <c r="A12" s="81">
        <v>7</v>
      </c>
      <c r="B12" s="73" t="s">
        <v>10</v>
      </c>
      <c r="C12" s="75">
        <v>166566</v>
      </c>
      <c r="D12" s="75">
        <v>15</v>
      </c>
      <c r="E12" s="76">
        <v>-2.4300000000000002</v>
      </c>
      <c r="F12" s="75">
        <v>161530</v>
      </c>
      <c r="G12" s="75">
        <v>16</v>
      </c>
      <c r="H12" s="76">
        <v>-3.02</v>
      </c>
      <c r="I12" s="75">
        <v>162337</v>
      </c>
      <c r="J12" s="75">
        <v>10</v>
      </c>
      <c r="K12" s="76">
        <v>0.5</v>
      </c>
      <c r="L12" s="77">
        <v>161686</v>
      </c>
      <c r="M12" s="77">
        <v>13</v>
      </c>
      <c r="N12" s="76">
        <v>-0.4</v>
      </c>
      <c r="O12" s="78">
        <v>159567</v>
      </c>
      <c r="P12" s="117">
        <v>12</v>
      </c>
      <c r="Q12" s="80">
        <v>-1.31</v>
      </c>
      <c r="U12" s="16"/>
    </row>
    <row r="13" spans="1:25" ht="19.5" customHeight="1" x14ac:dyDescent="0.15">
      <c r="A13" s="81">
        <v>8</v>
      </c>
      <c r="B13" s="73" t="s">
        <v>11</v>
      </c>
      <c r="C13" s="75">
        <v>171173</v>
      </c>
      <c r="D13" s="75">
        <v>10</v>
      </c>
      <c r="E13" s="76">
        <v>0.89</v>
      </c>
      <c r="F13" s="75">
        <v>164806</v>
      </c>
      <c r="G13" s="75">
        <v>15</v>
      </c>
      <c r="H13" s="76">
        <v>-3.72</v>
      </c>
      <c r="I13" s="75">
        <v>162060</v>
      </c>
      <c r="J13" s="75">
        <v>12</v>
      </c>
      <c r="K13" s="76">
        <v>-1.67</v>
      </c>
      <c r="L13" s="77">
        <v>164320</v>
      </c>
      <c r="M13" s="77">
        <v>9</v>
      </c>
      <c r="N13" s="76">
        <v>1.39</v>
      </c>
      <c r="O13" s="78">
        <v>165321</v>
      </c>
      <c r="P13" s="117">
        <v>4</v>
      </c>
      <c r="Q13" s="80">
        <v>0.61</v>
      </c>
      <c r="U13" s="16"/>
    </row>
    <row r="14" spans="1:25" ht="19.5" customHeight="1" x14ac:dyDescent="0.15">
      <c r="A14" s="81">
        <v>9</v>
      </c>
      <c r="B14" s="73" t="s">
        <v>12</v>
      </c>
      <c r="C14" s="75">
        <v>155388</v>
      </c>
      <c r="D14" s="75">
        <v>24</v>
      </c>
      <c r="E14" s="76">
        <v>-1</v>
      </c>
      <c r="F14" s="75">
        <v>149297</v>
      </c>
      <c r="G14" s="75">
        <v>28</v>
      </c>
      <c r="H14" s="76">
        <v>-3.92</v>
      </c>
      <c r="I14" s="75">
        <v>153755</v>
      </c>
      <c r="J14" s="75">
        <v>20</v>
      </c>
      <c r="K14" s="76">
        <v>2.99</v>
      </c>
      <c r="L14" s="77">
        <v>158344</v>
      </c>
      <c r="M14" s="77">
        <v>19</v>
      </c>
      <c r="N14" s="76">
        <v>2.98</v>
      </c>
      <c r="O14" s="78">
        <v>154013</v>
      </c>
      <c r="P14" s="117">
        <v>18</v>
      </c>
      <c r="Q14" s="80">
        <v>-2.74</v>
      </c>
      <c r="U14" s="16"/>
    </row>
    <row r="15" spans="1:25" ht="19.5" customHeight="1" x14ac:dyDescent="0.15">
      <c r="A15" s="81">
        <v>10</v>
      </c>
      <c r="B15" s="73" t="s">
        <v>13</v>
      </c>
      <c r="C15" s="75">
        <v>153330</v>
      </c>
      <c r="D15" s="75">
        <v>27</v>
      </c>
      <c r="E15" s="76">
        <v>0.08</v>
      </c>
      <c r="F15" s="75">
        <v>147973</v>
      </c>
      <c r="G15" s="75">
        <v>29</v>
      </c>
      <c r="H15" s="76">
        <v>-3.49</v>
      </c>
      <c r="I15" s="75">
        <v>152238</v>
      </c>
      <c r="J15" s="75">
        <v>23</v>
      </c>
      <c r="K15" s="76">
        <v>2.88</v>
      </c>
      <c r="L15" s="77">
        <v>149899</v>
      </c>
      <c r="M15" s="77">
        <v>24</v>
      </c>
      <c r="N15" s="76">
        <v>-1.54</v>
      </c>
      <c r="O15" s="78">
        <v>147500</v>
      </c>
      <c r="P15" s="117">
        <v>24</v>
      </c>
      <c r="Q15" s="80">
        <v>-1.6</v>
      </c>
      <c r="U15" s="16"/>
    </row>
    <row r="16" spans="1:25" ht="19.5" customHeight="1" x14ac:dyDescent="0.15">
      <c r="A16" s="81">
        <v>11</v>
      </c>
      <c r="B16" s="73" t="s">
        <v>14</v>
      </c>
      <c r="C16" s="75">
        <v>194394</v>
      </c>
      <c r="D16" s="75">
        <v>3</v>
      </c>
      <c r="E16" s="76">
        <v>11.63</v>
      </c>
      <c r="F16" s="75">
        <v>190695</v>
      </c>
      <c r="G16" s="75">
        <v>1</v>
      </c>
      <c r="H16" s="76">
        <v>-1.9</v>
      </c>
      <c r="I16" s="75">
        <v>199074</v>
      </c>
      <c r="J16" s="75">
        <v>1</v>
      </c>
      <c r="K16" s="76">
        <v>4.3899999999999997</v>
      </c>
      <c r="L16" s="77">
        <v>192764</v>
      </c>
      <c r="M16" s="77">
        <v>1</v>
      </c>
      <c r="N16" s="76">
        <v>-3.17</v>
      </c>
      <c r="O16" s="78">
        <v>160912</v>
      </c>
      <c r="P16" s="117">
        <v>10</v>
      </c>
      <c r="Q16" s="80">
        <v>-16.52</v>
      </c>
      <c r="U16" s="16"/>
    </row>
    <row r="17" spans="1:21" ht="19.5" customHeight="1" x14ac:dyDescent="0.15">
      <c r="A17" s="81">
        <v>12</v>
      </c>
      <c r="B17" s="73" t="s">
        <v>15</v>
      </c>
      <c r="C17" s="75">
        <v>145808</v>
      </c>
      <c r="D17" s="75">
        <v>32</v>
      </c>
      <c r="E17" s="76">
        <v>-3.29</v>
      </c>
      <c r="F17" s="75">
        <v>140852</v>
      </c>
      <c r="G17" s="75">
        <v>32</v>
      </c>
      <c r="H17" s="76">
        <v>-3.4</v>
      </c>
      <c r="I17" s="75">
        <v>137260</v>
      </c>
      <c r="J17" s="75">
        <v>33</v>
      </c>
      <c r="K17" s="76">
        <v>-2.5499999999999998</v>
      </c>
      <c r="L17" s="77">
        <v>134803</v>
      </c>
      <c r="M17" s="77">
        <v>33</v>
      </c>
      <c r="N17" s="76">
        <v>-1.79</v>
      </c>
      <c r="O17" s="78">
        <v>142841</v>
      </c>
      <c r="P17" s="117">
        <v>28</v>
      </c>
      <c r="Q17" s="80">
        <v>5.96</v>
      </c>
      <c r="U17" s="16"/>
    </row>
    <row r="18" spans="1:21" ht="19.5" customHeight="1" x14ac:dyDescent="0.15">
      <c r="A18" s="81">
        <v>13</v>
      </c>
      <c r="B18" s="73" t="s">
        <v>16</v>
      </c>
      <c r="C18" s="75">
        <v>170937</v>
      </c>
      <c r="D18" s="75">
        <v>11</v>
      </c>
      <c r="E18" s="76">
        <v>-0.75</v>
      </c>
      <c r="F18" s="75">
        <v>168335</v>
      </c>
      <c r="G18" s="75">
        <v>10</v>
      </c>
      <c r="H18" s="76">
        <v>-1.52</v>
      </c>
      <c r="I18" s="75">
        <v>158262</v>
      </c>
      <c r="J18" s="75">
        <v>17</v>
      </c>
      <c r="K18" s="76">
        <v>-5.98</v>
      </c>
      <c r="L18" s="77">
        <v>158485</v>
      </c>
      <c r="M18" s="77">
        <v>18</v>
      </c>
      <c r="N18" s="76">
        <v>0.14000000000000001</v>
      </c>
      <c r="O18" s="78">
        <v>157717</v>
      </c>
      <c r="P18" s="117">
        <v>15</v>
      </c>
      <c r="Q18" s="80">
        <v>-0.48</v>
      </c>
      <c r="U18" s="16"/>
    </row>
    <row r="19" spans="1:21" ht="19.5" customHeight="1" x14ac:dyDescent="0.15">
      <c r="A19" s="81">
        <v>14</v>
      </c>
      <c r="B19" s="73" t="s">
        <v>17</v>
      </c>
      <c r="C19" s="75">
        <v>155337</v>
      </c>
      <c r="D19" s="75">
        <v>25</v>
      </c>
      <c r="E19" s="76">
        <v>-1.89</v>
      </c>
      <c r="F19" s="75">
        <v>151208</v>
      </c>
      <c r="G19" s="75">
        <v>27</v>
      </c>
      <c r="H19" s="76">
        <v>-2.66</v>
      </c>
      <c r="I19" s="75">
        <v>147512</v>
      </c>
      <c r="J19" s="75">
        <v>28</v>
      </c>
      <c r="K19" s="76">
        <v>-2.44</v>
      </c>
      <c r="L19" s="77">
        <v>146617</v>
      </c>
      <c r="M19" s="77">
        <v>25</v>
      </c>
      <c r="N19" s="76">
        <v>-0.61</v>
      </c>
      <c r="O19" s="78">
        <v>144297</v>
      </c>
      <c r="P19" s="117">
        <v>25</v>
      </c>
      <c r="Q19" s="80">
        <v>-1.58</v>
      </c>
      <c r="U19" s="16"/>
    </row>
    <row r="20" spans="1:21" ht="19.5" customHeight="1" x14ac:dyDescent="0.15">
      <c r="A20" s="81">
        <v>15</v>
      </c>
      <c r="B20" s="73" t="s">
        <v>18</v>
      </c>
      <c r="C20" s="75">
        <v>162560</v>
      </c>
      <c r="D20" s="75">
        <v>17</v>
      </c>
      <c r="E20" s="76">
        <v>-2.74</v>
      </c>
      <c r="F20" s="75">
        <v>158989</v>
      </c>
      <c r="G20" s="75">
        <v>19</v>
      </c>
      <c r="H20" s="76">
        <v>-2.2000000000000002</v>
      </c>
      <c r="I20" s="75">
        <v>154998</v>
      </c>
      <c r="J20" s="75">
        <v>18</v>
      </c>
      <c r="K20" s="76">
        <v>-2.5099999999999998</v>
      </c>
      <c r="L20" s="77">
        <v>152760</v>
      </c>
      <c r="M20" s="77">
        <v>22</v>
      </c>
      <c r="N20" s="76">
        <v>-1.44</v>
      </c>
      <c r="O20" s="78">
        <v>153725</v>
      </c>
      <c r="P20" s="117">
        <v>19</v>
      </c>
      <c r="Q20" s="80">
        <v>0.63</v>
      </c>
      <c r="U20" s="16"/>
    </row>
    <row r="21" spans="1:21" ht="19.5" customHeight="1" x14ac:dyDescent="0.15">
      <c r="A21" s="81">
        <v>16</v>
      </c>
      <c r="B21" s="73" t="s">
        <v>19</v>
      </c>
      <c r="C21" s="75">
        <v>151143</v>
      </c>
      <c r="D21" s="75">
        <v>29</v>
      </c>
      <c r="E21" s="76">
        <v>-1.9</v>
      </c>
      <c r="F21" s="75">
        <v>145828</v>
      </c>
      <c r="G21" s="75">
        <v>30</v>
      </c>
      <c r="H21" s="76">
        <v>-3.52</v>
      </c>
      <c r="I21" s="75">
        <v>146077</v>
      </c>
      <c r="J21" s="75">
        <v>30</v>
      </c>
      <c r="K21" s="76">
        <v>0.17</v>
      </c>
      <c r="L21" s="77">
        <v>144036</v>
      </c>
      <c r="M21" s="77">
        <v>29</v>
      </c>
      <c r="N21" s="76">
        <v>-1.4</v>
      </c>
      <c r="O21" s="78">
        <v>150304</v>
      </c>
      <c r="P21" s="117">
        <v>22</v>
      </c>
      <c r="Q21" s="80">
        <v>4.3499999999999996</v>
      </c>
      <c r="U21" s="16"/>
    </row>
    <row r="22" spans="1:21" ht="19.5" customHeight="1" x14ac:dyDescent="0.15">
      <c r="A22" s="81">
        <v>17</v>
      </c>
      <c r="B22" s="73" t="s">
        <v>20</v>
      </c>
      <c r="C22" s="75">
        <v>139621</v>
      </c>
      <c r="D22" s="75">
        <v>33</v>
      </c>
      <c r="E22" s="76">
        <v>5.88</v>
      </c>
      <c r="F22" s="75">
        <v>133838</v>
      </c>
      <c r="G22" s="75">
        <v>33</v>
      </c>
      <c r="H22" s="76">
        <v>-4.1399999999999997</v>
      </c>
      <c r="I22" s="75">
        <v>146817</v>
      </c>
      <c r="J22" s="75">
        <v>29</v>
      </c>
      <c r="K22" s="76">
        <v>9.6999999999999993</v>
      </c>
      <c r="L22" s="77">
        <v>146256</v>
      </c>
      <c r="M22" s="77">
        <v>26</v>
      </c>
      <c r="N22" s="76">
        <v>-0.38</v>
      </c>
      <c r="O22" s="78">
        <v>143314</v>
      </c>
      <c r="P22" s="117">
        <v>26</v>
      </c>
      <c r="Q22" s="80">
        <v>-2.0099999999999998</v>
      </c>
      <c r="U22" s="16"/>
    </row>
    <row r="23" spans="1:21" ht="19.5" customHeight="1" x14ac:dyDescent="0.15">
      <c r="A23" s="81">
        <v>18</v>
      </c>
      <c r="B23" s="73" t="s">
        <v>21</v>
      </c>
      <c r="C23" s="75">
        <v>176907</v>
      </c>
      <c r="D23" s="75">
        <v>5</v>
      </c>
      <c r="E23" s="76">
        <v>-2.73</v>
      </c>
      <c r="F23" s="75">
        <v>172764</v>
      </c>
      <c r="G23" s="75">
        <v>5</v>
      </c>
      <c r="H23" s="76">
        <v>-2.34</v>
      </c>
      <c r="I23" s="75">
        <v>161293</v>
      </c>
      <c r="J23" s="75">
        <v>13</v>
      </c>
      <c r="K23" s="76">
        <v>-6.64</v>
      </c>
      <c r="L23" s="77">
        <v>167340</v>
      </c>
      <c r="M23" s="77">
        <v>6</v>
      </c>
      <c r="N23" s="76">
        <v>3.75</v>
      </c>
      <c r="O23" s="78">
        <v>164345</v>
      </c>
      <c r="P23" s="117">
        <v>6</v>
      </c>
      <c r="Q23" s="80">
        <v>-1.79</v>
      </c>
      <c r="U23" s="16"/>
    </row>
    <row r="24" spans="1:21" ht="19.5" customHeight="1" x14ac:dyDescent="0.15">
      <c r="A24" s="81">
        <v>19</v>
      </c>
      <c r="B24" s="73" t="s">
        <v>23</v>
      </c>
      <c r="C24" s="75">
        <v>174019</v>
      </c>
      <c r="D24" s="75">
        <v>8</v>
      </c>
      <c r="E24" s="76">
        <v>-0.12</v>
      </c>
      <c r="F24" s="75">
        <v>175082</v>
      </c>
      <c r="G24" s="75">
        <v>3</v>
      </c>
      <c r="H24" s="76">
        <v>0.61</v>
      </c>
      <c r="I24" s="75">
        <v>171886</v>
      </c>
      <c r="J24" s="75">
        <v>2</v>
      </c>
      <c r="K24" s="76">
        <v>-1.83</v>
      </c>
      <c r="L24" s="77">
        <v>163068</v>
      </c>
      <c r="M24" s="77">
        <v>10</v>
      </c>
      <c r="N24" s="76">
        <v>-5.13</v>
      </c>
      <c r="O24" s="78">
        <v>152722</v>
      </c>
      <c r="P24" s="117">
        <v>20</v>
      </c>
      <c r="Q24" s="80">
        <v>-6.34</v>
      </c>
      <c r="U24" s="16"/>
    </row>
    <row r="25" spans="1:21" ht="19.5" customHeight="1" x14ac:dyDescent="0.15">
      <c r="A25" s="81">
        <v>20</v>
      </c>
      <c r="B25" s="73" t="s">
        <v>24</v>
      </c>
      <c r="C25" s="75">
        <v>197728</v>
      </c>
      <c r="D25" s="75">
        <v>2</v>
      </c>
      <c r="E25" s="76">
        <v>1.21</v>
      </c>
      <c r="F25" s="75">
        <v>160373</v>
      </c>
      <c r="G25" s="75">
        <v>17</v>
      </c>
      <c r="H25" s="76">
        <v>-18.89</v>
      </c>
      <c r="I25" s="75">
        <v>151007</v>
      </c>
      <c r="J25" s="75">
        <v>24</v>
      </c>
      <c r="K25" s="76">
        <v>-5.84</v>
      </c>
      <c r="L25" s="77">
        <v>156661</v>
      </c>
      <c r="M25" s="77">
        <v>20</v>
      </c>
      <c r="N25" s="76">
        <v>3.74</v>
      </c>
      <c r="O25" s="78">
        <v>161368</v>
      </c>
      <c r="P25" s="117">
        <v>9</v>
      </c>
      <c r="Q25" s="80">
        <v>3</v>
      </c>
      <c r="U25" s="16"/>
    </row>
    <row r="26" spans="1:21" ht="19.5" customHeight="1" x14ac:dyDescent="0.15">
      <c r="A26" s="81">
        <v>21</v>
      </c>
      <c r="B26" s="73" t="s">
        <v>22</v>
      </c>
      <c r="C26" s="75">
        <v>150881</v>
      </c>
      <c r="D26" s="75">
        <v>30</v>
      </c>
      <c r="E26" s="76">
        <v>-3.49</v>
      </c>
      <c r="F26" s="75">
        <v>145091</v>
      </c>
      <c r="G26" s="75">
        <v>31</v>
      </c>
      <c r="H26" s="76">
        <v>-3.84</v>
      </c>
      <c r="I26" s="75">
        <v>142611</v>
      </c>
      <c r="J26" s="75">
        <v>32</v>
      </c>
      <c r="K26" s="76">
        <v>-1.71</v>
      </c>
      <c r="L26" s="77">
        <v>140360</v>
      </c>
      <c r="M26" s="77">
        <v>32</v>
      </c>
      <c r="N26" s="76">
        <v>-1.58</v>
      </c>
      <c r="O26" s="78">
        <v>137281</v>
      </c>
      <c r="P26" s="117">
        <v>30</v>
      </c>
      <c r="Q26" s="80">
        <v>-2.19</v>
      </c>
      <c r="U26" s="16"/>
    </row>
    <row r="27" spans="1:21" ht="19.5" customHeight="1" x14ac:dyDescent="0.15">
      <c r="A27" s="81">
        <v>22</v>
      </c>
      <c r="B27" s="73" t="s">
        <v>25</v>
      </c>
      <c r="C27" s="75">
        <v>169609</v>
      </c>
      <c r="D27" s="75">
        <v>13</v>
      </c>
      <c r="E27" s="76">
        <v>-0.45</v>
      </c>
      <c r="F27" s="75">
        <v>165850</v>
      </c>
      <c r="G27" s="75">
        <v>13</v>
      </c>
      <c r="H27" s="76">
        <v>-2.2200000000000002</v>
      </c>
      <c r="I27" s="75">
        <v>166977</v>
      </c>
      <c r="J27" s="75">
        <v>4</v>
      </c>
      <c r="K27" s="76">
        <v>0.68</v>
      </c>
      <c r="L27" s="77">
        <v>167490</v>
      </c>
      <c r="M27" s="77">
        <v>5</v>
      </c>
      <c r="N27" s="76">
        <v>0.31</v>
      </c>
      <c r="O27" s="78">
        <v>164970</v>
      </c>
      <c r="P27" s="117">
        <v>5</v>
      </c>
      <c r="Q27" s="80">
        <v>-1.5</v>
      </c>
      <c r="U27" s="16"/>
    </row>
    <row r="28" spans="1:21" ht="19.5" customHeight="1" x14ac:dyDescent="0.15">
      <c r="A28" s="81">
        <v>23</v>
      </c>
      <c r="B28" s="73" t="s">
        <v>26</v>
      </c>
      <c r="C28" s="75">
        <v>156119</v>
      </c>
      <c r="D28" s="75">
        <v>23</v>
      </c>
      <c r="E28" s="76">
        <v>-2.0299999999999998</v>
      </c>
      <c r="F28" s="75">
        <v>166092</v>
      </c>
      <c r="G28" s="75">
        <v>12</v>
      </c>
      <c r="H28" s="76">
        <v>6.39</v>
      </c>
      <c r="I28" s="75">
        <v>162236</v>
      </c>
      <c r="J28" s="75">
        <v>11</v>
      </c>
      <c r="K28" s="76">
        <v>-2.3199999999999998</v>
      </c>
      <c r="L28" s="77">
        <v>169547</v>
      </c>
      <c r="M28" s="77">
        <v>3</v>
      </c>
      <c r="N28" s="76">
        <v>4.51</v>
      </c>
      <c r="O28" s="78">
        <v>166806</v>
      </c>
      <c r="P28" s="117">
        <v>3</v>
      </c>
      <c r="Q28" s="80">
        <v>-1.62</v>
      </c>
      <c r="U28" s="16"/>
    </row>
    <row r="29" spans="1:21" ht="19.5" customHeight="1" x14ac:dyDescent="0.15">
      <c r="A29" s="81">
        <v>24</v>
      </c>
      <c r="B29" s="73" t="s">
        <v>27</v>
      </c>
      <c r="C29" s="75">
        <v>164991</v>
      </c>
      <c r="D29" s="75">
        <v>16</v>
      </c>
      <c r="E29" s="76">
        <v>-4.3499999999999996</v>
      </c>
      <c r="F29" s="75">
        <v>160295</v>
      </c>
      <c r="G29" s="75">
        <v>18</v>
      </c>
      <c r="H29" s="76">
        <v>-2.85</v>
      </c>
      <c r="I29" s="75">
        <v>159810</v>
      </c>
      <c r="J29" s="75">
        <v>15</v>
      </c>
      <c r="K29" s="76">
        <v>-0.3</v>
      </c>
      <c r="L29" s="77">
        <v>159291</v>
      </c>
      <c r="M29" s="77">
        <v>17</v>
      </c>
      <c r="N29" s="76">
        <v>-0.32</v>
      </c>
      <c r="O29" s="78">
        <v>156701</v>
      </c>
      <c r="P29" s="117">
        <v>17</v>
      </c>
      <c r="Q29" s="80">
        <v>-1.63</v>
      </c>
      <c r="U29" s="16"/>
    </row>
    <row r="30" spans="1:21" ht="19.5" customHeight="1" x14ac:dyDescent="0.15">
      <c r="A30" s="81">
        <v>25</v>
      </c>
      <c r="B30" s="73" t="s">
        <v>28</v>
      </c>
      <c r="C30" s="75">
        <v>169982</v>
      </c>
      <c r="D30" s="75">
        <v>12</v>
      </c>
      <c r="E30" s="76">
        <v>-4.82</v>
      </c>
      <c r="F30" s="75">
        <v>165393</v>
      </c>
      <c r="G30" s="75">
        <v>14</v>
      </c>
      <c r="H30" s="76">
        <v>-2.7</v>
      </c>
      <c r="I30" s="75">
        <v>149029</v>
      </c>
      <c r="J30" s="75">
        <v>25</v>
      </c>
      <c r="K30" s="76">
        <v>-9.89</v>
      </c>
      <c r="L30" s="77">
        <v>141114</v>
      </c>
      <c r="M30" s="77">
        <v>31</v>
      </c>
      <c r="N30" s="76">
        <v>-5.31</v>
      </c>
      <c r="O30" s="78">
        <v>116831</v>
      </c>
      <c r="P30" s="117">
        <v>33</v>
      </c>
      <c r="Q30" s="80">
        <v>-17.21</v>
      </c>
      <c r="U30" s="16"/>
    </row>
    <row r="31" spans="1:21" ht="19.5" customHeight="1" x14ac:dyDescent="0.15">
      <c r="A31" s="81">
        <v>26</v>
      </c>
      <c r="B31" s="73" t="s">
        <v>29</v>
      </c>
      <c r="C31" s="75">
        <v>152325</v>
      </c>
      <c r="D31" s="75">
        <v>28</v>
      </c>
      <c r="E31" s="76">
        <v>-2.33</v>
      </c>
      <c r="F31" s="75">
        <v>168497</v>
      </c>
      <c r="G31" s="75">
        <v>9</v>
      </c>
      <c r="H31" s="76">
        <v>10.62</v>
      </c>
      <c r="I31" s="75">
        <v>164928</v>
      </c>
      <c r="J31" s="75">
        <v>9</v>
      </c>
      <c r="K31" s="76">
        <v>-2.12</v>
      </c>
      <c r="L31" s="77">
        <v>165083</v>
      </c>
      <c r="M31" s="77">
        <v>8</v>
      </c>
      <c r="N31" s="76">
        <v>0.09</v>
      </c>
      <c r="O31" s="78">
        <v>159935</v>
      </c>
      <c r="P31" s="117">
        <v>11</v>
      </c>
      <c r="Q31" s="80">
        <v>-3.12</v>
      </c>
      <c r="U31" s="16"/>
    </row>
    <row r="32" spans="1:21" ht="19.5" customHeight="1" x14ac:dyDescent="0.15">
      <c r="A32" s="81">
        <v>27</v>
      </c>
      <c r="B32" s="73" t="s">
        <v>30</v>
      </c>
      <c r="C32" s="75">
        <v>173981</v>
      </c>
      <c r="D32" s="75">
        <v>9</v>
      </c>
      <c r="E32" s="76">
        <v>-1.51</v>
      </c>
      <c r="F32" s="75">
        <v>171037</v>
      </c>
      <c r="G32" s="75">
        <v>6</v>
      </c>
      <c r="H32" s="76">
        <v>-1.69</v>
      </c>
      <c r="I32" s="75">
        <v>165640</v>
      </c>
      <c r="J32" s="75">
        <v>6</v>
      </c>
      <c r="K32" s="76">
        <v>-3.16</v>
      </c>
      <c r="L32" s="77">
        <v>159742</v>
      </c>
      <c r="M32" s="77">
        <v>16</v>
      </c>
      <c r="N32" s="76">
        <v>-3.56</v>
      </c>
      <c r="O32" s="78">
        <v>162996</v>
      </c>
      <c r="P32" s="117">
        <v>7</v>
      </c>
      <c r="Q32" s="80">
        <v>2.04</v>
      </c>
      <c r="U32" s="16"/>
    </row>
    <row r="33" spans="1:21" ht="19.5" customHeight="1" x14ac:dyDescent="0.15">
      <c r="A33" s="81">
        <v>28</v>
      </c>
      <c r="B33" s="73" t="s">
        <v>31</v>
      </c>
      <c r="C33" s="75">
        <v>176213</v>
      </c>
      <c r="D33" s="75">
        <v>6</v>
      </c>
      <c r="E33" s="76">
        <v>4.8099999999999996</v>
      </c>
      <c r="F33" s="75">
        <v>169048</v>
      </c>
      <c r="G33" s="75">
        <v>8</v>
      </c>
      <c r="H33" s="76">
        <v>-4.07</v>
      </c>
      <c r="I33" s="75">
        <v>165373</v>
      </c>
      <c r="J33" s="75">
        <v>7</v>
      </c>
      <c r="K33" s="76">
        <v>-2.17</v>
      </c>
      <c r="L33" s="77">
        <v>169226</v>
      </c>
      <c r="M33" s="77">
        <v>4</v>
      </c>
      <c r="N33" s="76">
        <v>2.33</v>
      </c>
      <c r="O33" s="78">
        <v>167453</v>
      </c>
      <c r="P33" s="117">
        <v>2</v>
      </c>
      <c r="Q33" s="80">
        <v>-1.05</v>
      </c>
      <c r="U33" s="16"/>
    </row>
    <row r="34" spans="1:21" ht="19.5" customHeight="1" x14ac:dyDescent="0.15">
      <c r="A34" s="81">
        <v>29</v>
      </c>
      <c r="B34" s="73" t="s">
        <v>32</v>
      </c>
      <c r="C34" s="75">
        <v>157366</v>
      </c>
      <c r="D34" s="75">
        <v>22</v>
      </c>
      <c r="E34" s="76">
        <v>-3.97</v>
      </c>
      <c r="F34" s="75">
        <v>153659</v>
      </c>
      <c r="G34" s="75">
        <v>24</v>
      </c>
      <c r="H34" s="76">
        <v>-2.36</v>
      </c>
      <c r="I34" s="75">
        <v>148581</v>
      </c>
      <c r="J34" s="75">
        <v>26</v>
      </c>
      <c r="K34" s="76">
        <v>-3.3</v>
      </c>
      <c r="L34" s="77">
        <v>144245</v>
      </c>
      <c r="M34" s="77">
        <v>28</v>
      </c>
      <c r="N34" s="76">
        <v>-2.92</v>
      </c>
      <c r="O34" s="78">
        <v>122033</v>
      </c>
      <c r="P34" s="117">
        <v>32</v>
      </c>
      <c r="Q34" s="80">
        <v>-15.4</v>
      </c>
      <c r="U34" s="16"/>
    </row>
    <row r="35" spans="1:21" ht="19.5" customHeight="1" x14ac:dyDescent="0.15">
      <c r="A35" s="81">
        <v>30</v>
      </c>
      <c r="B35" s="73" t="s">
        <v>33</v>
      </c>
      <c r="C35" s="75">
        <v>183239</v>
      </c>
      <c r="D35" s="75">
        <v>4</v>
      </c>
      <c r="E35" s="76">
        <v>-4.1399999999999997</v>
      </c>
      <c r="F35" s="75">
        <v>174653</v>
      </c>
      <c r="G35" s="75">
        <v>4</v>
      </c>
      <c r="H35" s="76">
        <v>-4.6900000000000004</v>
      </c>
      <c r="I35" s="75">
        <v>165994</v>
      </c>
      <c r="J35" s="75">
        <v>5</v>
      </c>
      <c r="K35" s="76">
        <v>-4.96</v>
      </c>
      <c r="L35" s="77">
        <v>161837</v>
      </c>
      <c r="M35" s="77">
        <v>12</v>
      </c>
      <c r="N35" s="76">
        <v>-2.5</v>
      </c>
      <c r="O35" s="78">
        <v>151141</v>
      </c>
      <c r="P35" s="117">
        <v>21</v>
      </c>
      <c r="Q35" s="80">
        <v>-6.61</v>
      </c>
      <c r="U35" s="16"/>
    </row>
    <row r="36" spans="1:21" ht="19.5" customHeight="1" x14ac:dyDescent="0.15">
      <c r="A36" s="81">
        <v>31</v>
      </c>
      <c r="B36" s="73" t="s">
        <v>34</v>
      </c>
      <c r="C36" s="75">
        <v>199298</v>
      </c>
      <c r="D36" s="75">
        <v>1</v>
      </c>
      <c r="E36" s="76">
        <v>-5.21</v>
      </c>
      <c r="F36" s="75">
        <v>184194</v>
      </c>
      <c r="G36" s="75">
        <v>2</v>
      </c>
      <c r="H36" s="76">
        <v>-7.58</v>
      </c>
      <c r="I36" s="75">
        <v>154860</v>
      </c>
      <c r="J36" s="75">
        <v>19</v>
      </c>
      <c r="K36" s="76">
        <v>-15.93</v>
      </c>
      <c r="L36" s="77">
        <v>151580</v>
      </c>
      <c r="M36" s="77">
        <v>23</v>
      </c>
      <c r="N36" s="76">
        <v>-2.12</v>
      </c>
      <c r="O36" s="78">
        <v>143305</v>
      </c>
      <c r="P36" s="117">
        <v>27</v>
      </c>
      <c r="Q36" s="80">
        <v>-5.46</v>
      </c>
      <c r="U36" s="16"/>
    </row>
    <row r="37" spans="1:21" ht="19.5" customHeight="1" x14ac:dyDescent="0.15">
      <c r="A37" s="81">
        <v>32</v>
      </c>
      <c r="B37" s="73" t="s">
        <v>35</v>
      </c>
      <c r="C37" s="75">
        <v>158817</v>
      </c>
      <c r="D37" s="75">
        <v>19</v>
      </c>
      <c r="E37" s="76">
        <v>-3.83</v>
      </c>
      <c r="F37" s="75">
        <v>154673</v>
      </c>
      <c r="G37" s="75">
        <v>23</v>
      </c>
      <c r="H37" s="76">
        <v>-2.61</v>
      </c>
      <c r="I37" s="75">
        <v>153110</v>
      </c>
      <c r="J37" s="75">
        <v>22</v>
      </c>
      <c r="K37" s="76">
        <v>-1.01</v>
      </c>
      <c r="L37" s="77">
        <v>159899</v>
      </c>
      <c r="M37" s="77">
        <v>14</v>
      </c>
      <c r="N37" s="76">
        <v>4.43</v>
      </c>
      <c r="O37" s="78">
        <v>149028</v>
      </c>
      <c r="P37" s="117">
        <v>23</v>
      </c>
      <c r="Q37" s="80">
        <v>-6.8</v>
      </c>
      <c r="U37" s="16"/>
    </row>
    <row r="38" spans="1:21" ht="19.5" customHeight="1" thickBot="1" x14ac:dyDescent="0.2">
      <c r="A38" s="82">
        <v>33</v>
      </c>
      <c r="B38" s="83" t="s">
        <v>36</v>
      </c>
      <c r="C38" s="85">
        <v>153837</v>
      </c>
      <c r="D38" s="85">
        <v>26</v>
      </c>
      <c r="E38" s="86">
        <v>-2.63</v>
      </c>
      <c r="F38" s="85">
        <v>154806</v>
      </c>
      <c r="G38" s="85">
        <v>21</v>
      </c>
      <c r="H38" s="86">
        <v>0.63</v>
      </c>
      <c r="I38" s="85">
        <v>142730</v>
      </c>
      <c r="J38" s="85">
        <v>31</v>
      </c>
      <c r="K38" s="86">
        <v>-7.8</v>
      </c>
      <c r="L38" s="87">
        <v>141972</v>
      </c>
      <c r="M38" s="87">
        <v>30</v>
      </c>
      <c r="N38" s="86">
        <v>-0.53</v>
      </c>
      <c r="O38" s="88">
        <v>128254</v>
      </c>
      <c r="P38" s="118">
        <v>31</v>
      </c>
      <c r="Q38" s="90">
        <v>-9.66</v>
      </c>
      <c r="U38" s="16"/>
    </row>
    <row r="39" spans="1:21" ht="19.5" customHeight="1" thickTop="1" x14ac:dyDescent="0.15">
      <c r="A39" s="91">
        <v>301</v>
      </c>
      <c r="B39" s="92" t="s">
        <v>41</v>
      </c>
      <c r="C39" s="94">
        <v>333475</v>
      </c>
      <c r="D39" s="94">
        <v>5</v>
      </c>
      <c r="E39" s="95">
        <v>-0.05</v>
      </c>
      <c r="F39" s="94">
        <v>439498</v>
      </c>
      <c r="G39" s="94">
        <v>1</v>
      </c>
      <c r="H39" s="95">
        <v>31.79</v>
      </c>
      <c r="I39" s="94">
        <v>439770</v>
      </c>
      <c r="J39" s="94">
        <v>1</v>
      </c>
      <c r="K39" s="95">
        <v>0.06</v>
      </c>
      <c r="L39" s="96">
        <v>438014</v>
      </c>
      <c r="M39" s="96">
        <v>1</v>
      </c>
      <c r="N39" s="95">
        <v>-0.4</v>
      </c>
      <c r="O39" s="97">
        <v>439831</v>
      </c>
      <c r="P39" s="119">
        <v>1</v>
      </c>
      <c r="Q39" s="99">
        <v>0.41</v>
      </c>
      <c r="U39" s="347"/>
    </row>
    <row r="40" spans="1:21" ht="19.5" customHeight="1" x14ac:dyDescent="0.15">
      <c r="A40" s="81">
        <v>302</v>
      </c>
      <c r="B40" s="73" t="s">
        <v>42</v>
      </c>
      <c r="C40" s="75">
        <v>355237</v>
      </c>
      <c r="D40" s="75">
        <v>3</v>
      </c>
      <c r="E40" s="76">
        <v>5.78</v>
      </c>
      <c r="F40" s="75">
        <v>360067</v>
      </c>
      <c r="G40" s="75">
        <v>4</v>
      </c>
      <c r="H40" s="76">
        <v>1.36</v>
      </c>
      <c r="I40" s="75">
        <v>363467</v>
      </c>
      <c r="J40" s="75">
        <v>4</v>
      </c>
      <c r="K40" s="76">
        <v>0.94</v>
      </c>
      <c r="L40" s="77">
        <v>359575</v>
      </c>
      <c r="M40" s="77">
        <v>4</v>
      </c>
      <c r="N40" s="76">
        <v>-1.07</v>
      </c>
      <c r="O40" s="78">
        <v>371197</v>
      </c>
      <c r="P40" s="117">
        <v>4</v>
      </c>
      <c r="Q40" s="80">
        <v>3.23</v>
      </c>
      <c r="U40" s="347"/>
    </row>
    <row r="41" spans="1:21" ht="19.5" customHeight="1" x14ac:dyDescent="0.15">
      <c r="A41" s="81">
        <v>303</v>
      </c>
      <c r="B41" s="73" t="s">
        <v>43</v>
      </c>
      <c r="C41" s="75">
        <v>262046</v>
      </c>
      <c r="D41" s="75">
        <v>6</v>
      </c>
      <c r="E41" s="76">
        <v>12.9</v>
      </c>
      <c r="F41" s="75">
        <v>300736</v>
      </c>
      <c r="G41" s="75">
        <v>6</v>
      </c>
      <c r="H41" s="76">
        <v>14.76</v>
      </c>
      <c r="I41" s="75">
        <v>296744</v>
      </c>
      <c r="J41" s="75">
        <v>6</v>
      </c>
      <c r="K41" s="76">
        <v>-1.33</v>
      </c>
      <c r="L41" s="77">
        <v>291814</v>
      </c>
      <c r="M41" s="77">
        <v>6</v>
      </c>
      <c r="N41" s="76">
        <v>-1.66</v>
      </c>
      <c r="O41" s="78">
        <v>289870</v>
      </c>
      <c r="P41" s="117">
        <v>5</v>
      </c>
      <c r="Q41" s="80">
        <v>-0.67</v>
      </c>
      <c r="U41" s="347"/>
    </row>
    <row r="42" spans="1:21" ht="19.5" customHeight="1" x14ac:dyDescent="0.15">
      <c r="A42" s="81">
        <v>304</v>
      </c>
      <c r="B42" s="73" t="s">
        <v>44</v>
      </c>
      <c r="C42" s="75">
        <v>376996</v>
      </c>
      <c r="D42" s="75">
        <v>2</v>
      </c>
      <c r="E42" s="76">
        <v>-0.31</v>
      </c>
      <c r="F42" s="75">
        <v>375483</v>
      </c>
      <c r="G42" s="75">
        <v>3</v>
      </c>
      <c r="H42" s="76">
        <v>-0.4</v>
      </c>
      <c r="I42" s="75">
        <v>374979</v>
      </c>
      <c r="J42" s="75">
        <v>3</v>
      </c>
      <c r="K42" s="76">
        <v>-0.13</v>
      </c>
      <c r="L42" s="77">
        <v>373349</v>
      </c>
      <c r="M42" s="77">
        <v>3</v>
      </c>
      <c r="N42" s="76">
        <v>-0.43</v>
      </c>
      <c r="O42" s="78">
        <v>374949</v>
      </c>
      <c r="P42" s="117">
        <v>3</v>
      </c>
      <c r="Q42" s="80">
        <v>0.43</v>
      </c>
      <c r="U42" s="347"/>
    </row>
    <row r="43" spans="1:21" ht="19.5" customHeight="1" x14ac:dyDescent="0.15">
      <c r="A43" s="81">
        <v>305</v>
      </c>
      <c r="B43" s="73" t="s">
        <v>45</v>
      </c>
      <c r="C43" s="75">
        <v>396756</v>
      </c>
      <c r="D43" s="75">
        <v>1</v>
      </c>
      <c r="E43" s="76">
        <v>-0.4</v>
      </c>
      <c r="F43" s="75">
        <v>390232</v>
      </c>
      <c r="G43" s="75">
        <v>2</v>
      </c>
      <c r="H43" s="76">
        <v>-1.64</v>
      </c>
      <c r="I43" s="75">
        <v>387645</v>
      </c>
      <c r="J43" s="75">
        <v>2</v>
      </c>
      <c r="K43" s="76">
        <v>-0.66</v>
      </c>
      <c r="L43" s="77">
        <v>388077</v>
      </c>
      <c r="M43" s="77">
        <v>2</v>
      </c>
      <c r="N43" s="76">
        <v>0.11</v>
      </c>
      <c r="O43" s="78">
        <v>381273</v>
      </c>
      <c r="P43" s="117">
        <v>2</v>
      </c>
      <c r="Q43" s="80">
        <v>-1.75</v>
      </c>
      <c r="U43" s="347"/>
    </row>
    <row r="44" spans="1:21" ht="19.5" customHeight="1" thickBot="1" x14ac:dyDescent="0.2">
      <c r="A44" s="82">
        <v>306</v>
      </c>
      <c r="B44" s="83" t="s">
        <v>46</v>
      </c>
      <c r="C44" s="85">
        <v>337442</v>
      </c>
      <c r="D44" s="85">
        <v>4</v>
      </c>
      <c r="E44" s="86">
        <v>0.75</v>
      </c>
      <c r="F44" s="85">
        <v>344512</v>
      </c>
      <c r="G44" s="85">
        <v>5</v>
      </c>
      <c r="H44" s="86">
        <v>2.1</v>
      </c>
      <c r="I44" s="85">
        <v>349943</v>
      </c>
      <c r="J44" s="85">
        <v>5</v>
      </c>
      <c r="K44" s="86">
        <v>1.58</v>
      </c>
      <c r="L44" s="87">
        <v>355077</v>
      </c>
      <c r="M44" s="87">
        <v>5</v>
      </c>
      <c r="N44" s="86">
        <v>1.47</v>
      </c>
      <c r="O44" s="88">
        <v>255134</v>
      </c>
      <c r="P44" s="118">
        <v>6</v>
      </c>
      <c r="Q44" s="90">
        <v>-28.15</v>
      </c>
      <c r="U44" s="347"/>
    </row>
    <row r="45" spans="1:21" ht="19.5" customHeight="1" thickTop="1" thickBot="1" x14ac:dyDescent="0.2">
      <c r="A45" s="299" t="s">
        <v>51</v>
      </c>
      <c r="B45" s="300"/>
      <c r="C45" s="103">
        <v>160400</v>
      </c>
      <c r="D45" s="101"/>
      <c r="E45" s="102">
        <v>-0.42</v>
      </c>
      <c r="F45" s="103">
        <v>157235</v>
      </c>
      <c r="G45" s="101"/>
      <c r="H45" s="102">
        <v>-1.97</v>
      </c>
      <c r="I45" s="103">
        <v>159293</v>
      </c>
      <c r="J45" s="103"/>
      <c r="K45" s="102">
        <v>1.31</v>
      </c>
      <c r="L45" s="104">
        <v>154662</v>
      </c>
      <c r="M45" s="104"/>
      <c r="N45" s="102">
        <v>-2.91</v>
      </c>
      <c r="O45" s="105">
        <v>156676</v>
      </c>
      <c r="P45" s="120"/>
      <c r="Q45" s="107">
        <v>1.3</v>
      </c>
    </row>
    <row r="46" spans="1:21" ht="19.5" customHeight="1" thickTop="1" thickBot="1" x14ac:dyDescent="0.2">
      <c r="A46" s="299" t="s">
        <v>63</v>
      </c>
      <c r="B46" s="300"/>
      <c r="C46" s="103">
        <v>333685</v>
      </c>
      <c r="D46" s="101"/>
      <c r="E46" s="102">
        <v>2.5099999999999998</v>
      </c>
      <c r="F46" s="103">
        <v>354920</v>
      </c>
      <c r="G46" s="101"/>
      <c r="H46" s="102">
        <v>6.36</v>
      </c>
      <c r="I46" s="103">
        <v>358102</v>
      </c>
      <c r="J46" s="103"/>
      <c r="K46" s="102">
        <v>1.79</v>
      </c>
      <c r="L46" s="104">
        <v>357183</v>
      </c>
      <c r="M46" s="104"/>
      <c r="N46" s="102">
        <v>-0.26</v>
      </c>
      <c r="O46" s="105">
        <v>307467</v>
      </c>
      <c r="P46" s="120"/>
      <c r="Q46" s="107">
        <v>-13.92</v>
      </c>
    </row>
    <row r="47" spans="1:21" ht="19.5" customHeight="1" thickTop="1" thickBot="1" x14ac:dyDescent="0.2">
      <c r="A47" s="301" t="s">
        <v>66</v>
      </c>
      <c r="B47" s="302"/>
      <c r="C47" s="111">
        <v>169297</v>
      </c>
      <c r="D47" s="109"/>
      <c r="E47" s="110">
        <v>-0.15</v>
      </c>
      <c r="F47" s="111">
        <v>167703</v>
      </c>
      <c r="G47" s="109"/>
      <c r="H47" s="110">
        <v>-0.94</v>
      </c>
      <c r="I47" s="111">
        <v>169961</v>
      </c>
      <c r="J47" s="111"/>
      <c r="K47" s="110">
        <v>3.14</v>
      </c>
      <c r="L47" s="112">
        <v>165529</v>
      </c>
      <c r="M47" s="112"/>
      <c r="N47" s="110">
        <v>-2.61</v>
      </c>
      <c r="O47" s="113">
        <v>164989</v>
      </c>
      <c r="P47" s="121"/>
      <c r="Q47" s="115">
        <v>-0.33</v>
      </c>
    </row>
    <row r="48" spans="1:21" ht="12.75" customHeight="1" x14ac:dyDescent="0.15">
      <c r="A48" s="336"/>
      <c r="B48" s="336"/>
      <c r="C48" s="336"/>
      <c r="D48" s="336"/>
      <c r="E48" s="336"/>
      <c r="F48" s="336"/>
      <c r="G48" s="336"/>
      <c r="H48" s="336"/>
      <c r="I48" s="336"/>
      <c r="J48" s="336"/>
      <c r="K48" s="336"/>
      <c r="L48" s="336"/>
      <c r="M48" s="336"/>
      <c r="N48" s="336"/>
      <c r="O48" s="336"/>
      <c r="P48" s="336"/>
      <c r="Q48" s="336"/>
    </row>
    <row r="49" spans="3:17" x14ac:dyDescent="0.15">
      <c r="F49" s="329"/>
    </row>
    <row r="50" spans="3:17" x14ac:dyDescent="0.15">
      <c r="F50" s="329"/>
      <c r="L50" s="329"/>
    </row>
    <row r="51" spans="3:17" x14ac:dyDescent="0.15">
      <c r="C51" s="348"/>
      <c r="D51" s="348"/>
      <c r="E51" s="348"/>
      <c r="F51" s="348"/>
      <c r="G51" s="348"/>
      <c r="H51" s="348"/>
      <c r="K51" s="348"/>
      <c r="L51" s="348"/>
      <c r="N51" s="348"/>
      <c r="O51" s="348"/>
      <c r="P51" s="348"/>
      <c r="Q51" s="348"/>
    </row>
  </sheetData>
  <mergeCells count="11">
    <mergeCell ref="X3:X4"/>
    <mergeCell ref="A3:B5"/>
    <mergeCell ref="C3:E3"/>
    <mergeCell ref="F3:H3"/>
    <mergeCell ref="I3:K3"/>
    <mergeCell ref="L3:N3"/>
    <mergeCell ref="A48:Q48"/>
    <mergeCell ref="A45:B45"/>
    <mergeCell ref="A46:B46"/>
    <mergeCell ref="A47:B47"/>
    <mergeCell ref="O3:Q3"/>
  </mergeCells>
  <phoneticPr fontId="8"/>
  <printOptions horizontalCentered="1" gridLinesSet="0"/>
  <pageMargins left="0.59055118110236227" right="0.59055118110236227" top="0.59055118110236227" bottom="0.59055118110236227" header="0.23622047244094491" footer="0.39370078740157483"/>
  <pageSetup paperSize="9" scale="85" orientation="portrait" blackAndWhite="1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/>
  <dimension ref="A1:W47"/>
  <sheetViews>
    <sheetView topLeftCell="A2" zoomScaleNormal="100" zoomScaleSheetLayoutView="100" workbookViewId="0">
      <pane xSplit="2" ySplit="4" topLeftCell="C6" activePane="bottomRight" state="frozen"/>
      <selection activeCell="A2" sqref="A2"/>
      <selection pane="topRight" activeCell="U2" sqref="U2"/>
      <selection pane="bottomLeft" activeCell="A6" sqref="A6"/>
      <selection pane="bottomRight" activeCell="A2" sqref="A2"/>
    </sheetView>
  </sheetViews>
  <sheetFormatPr defaultColWidth="9" defaultRowHeight="10.8" x14ac:dyDescent="0.15"/>
  <cols>
    <col min="1" max="1" width="3.6640625" style="8" customWidth="1"/>
    <col min="2" max="2" width="10" style="8" customWidth="1"/>
    <col min="3" max="3" width="6.88671875" style="8" customWidth="1"/>
    <col min="4" max="4" width="3.109375" style="8" customWidth="1"/>
    <col min="5" max="5" width="5.6640625" style="8" customWidth="1"/>
    <col min="6" max="6" width="6.88671875" style="8" customWidth="1"/>
    <col min="7" max="7" width="3.109375" style="8" customWidth="1"/>
    <col min="8" max="8" width="5.6640625" style="8" customWidth="1"/>
    <col min="9" max="9" width="6.88671875" style="8" customWidth="1"/>
    <col min="10" max="10" width="3.109375" style="8" customWidth="1"/>
    <col min="11" max="11" width="5.6640625" style="8" customWidth="1"/>
    <col min="12" max="12" width="6.88671875" style="8" customWidth="1"/>
    <col min="13" max="13" width="3.109375" style="8" customWidth="1"/>
    <col min="14" max="14" width="5.6640625" style="8" customWidth="1"/>
    <col min="15" max="15" width="6.88671875" style="8" customWidth="1"/>
    <col min="16" max="16" width="3.109375" style="8" customWidth="1"/>
    <col min="17" max="17" width="5.6640625" style="8" customWidth="1"/>
    <col min="18" max="18" width="9" style="8"/>
    <col min="19" max="19" width="16.88671875" style="2" customWidth="1"/>
    <col min="20" max="20" width="16.44140625" style="2" customWidth="1"/>
    <col min="21" max="21" width="15.109375" style="2" customWidth="1"/>
    <col min="22" max="16384" width="9" style="8"/>
  </cols>
  <sheetData>
    <row r="1" spans="1:23" ht="17.25" customHeight="1" x14ac:dyDescent="0.2">
      <c r="A1" s="19" t="s">
        <v>73</v>
      </c>
      <c r="R1" s="329"/>
      <c r="S1" s="9"/>
    </row>
    <row r="2" spans="1:23" ht="18" customHeight="1" thickBot="1" x14ac:dyDescent="0.25">
      <c r="B2" s="122" t="s">
        <v>77</v>
      </c>
      <c r="R2" s="329"/>
      <c r="T2" s="334"/>
      <c r="U2" s="334"/>
    </row>
    <row r="3" spans="1:23" s="349" customFormat="1" ht="15" customHeight="1" x14ac:dyDescent="0.2">
      <c r="A3" s="309" t="s">
        <v>58</v>
      </c>
      <c r="B3" s="283"/>
      <c r="C3" s="312" t="s">
        <v>85</v>
      </c>
      <c r="D3" s="312"/>
      <c r="E3" s="312"/>
      <c r="F3" s="312" t="s">
        <v>92</v>
      </c>
      <c r="G3" s="283"/>
      <c r="H3" s="283"/>
      <c r="I3" s="312" t="s">
        <v>93</v>
      </c>
      <c r="J3" s="312"/>
      <c r="K3" s="312"/>
      <c r="L3" s="312" t="s">
        <v>88</v>
      </c>
      <c r="M3" s="312"/>
      <c r="N3" s="312"/>
      <c r="O3" s="311" t="s">
        <v>98</v>
      </c>
      <c r="P3" s="283"/>
      <c r="Q3" s="304"/>
      <c r="S3" s="345"/>
      <c r="T3" s="345"/>
      <c r="U3" s="345"/>
    </row>
    <row r="4" spans="1:23" ht="12.75" customHeight="1" x14ac:dyDescent="0.15">
      <c r="A4" s="284"/>
      <c r="B4" s="285"/>
      <c r="C4" s="123" t="s">
        <v>52</v>
      </c>
      <c r="D4" s="11" t="s">
        <v>47</v>
      </c>
      <c r="E4" s="123" t="s">
        <v>95</v>
      </c>
      <c r="F4" s="124" t="s">
        <v>52</v>
      </c>
      <c r="G4" s="11" t="s">
        <v>47</v>
      </c>
      <c r="H4" s="125" t="s">
        <v>86</v>
      </c>
      <c r="I4" s="125" t="s">
        <v>52</v>
      </c>
      <c r="J4" s="11" t="s">
        <v>47</v>
      </c>
      <c r="K4" s="125" t="s">
        <v>96</v>
      </c>
      <c r="L4" s="124" t="s">
        <v>52</v>
      </c>
      <c r="M4" s="11" t="s">
        <v>47</v>
      </c>
      <c r="N4" s="125" t="s">
        <v>89</v>
      </c>
      <c r="O4" s="125" t="s">
        <v>52</v>
      </c>
      <c r="P4" s="11" t="s">
        <v>47</v>
      </c>
      <c r="Q4" s="23" t="s">
        <v>97</v>
      </c>
      <c r="S4" s="5"/>
    </row>
    <row r="5" spans="1:23" s="350" customFormat="1" ht="12.75" customHeight="1" x14ac:dyDescent="0.15">
      <c r="A5" s="284"/>
      <c r="B5" s="285"/>
      <c r="C5" s="13" t="s">
        <v>53</v>
      </c>
      <c r="D5" s="12" t="s">
        <v>50</v>
      </c>
      <c r="E5" s="13" t="s">
        <v>54</v>
      </c>
      <c r="F5" s="126" t="s">
        <v>53</v>
      </c>
      <c r="G5" s="12" t="s">
        <v>50</v>
      </c>
      <c r="H5" s="126" t="s">
        <v>54</v>
      </c>
      <c r="I5" s="126" t="s">
        <v>53</v>
      </c>
      <c r="J5" s="12" t="s">
        <v>50</v>
      </c>
      <c r="K5" s="126" t="s">
        <v>54</v>
      </c>
      <c r="L5" s="126" t="s">
        <v>53</v>
      </c>
      <c r="M5" s="12" t="s">
        <v>50</v>
      </c>
      <c r="N5" s="127" t="s">
        <v>54</v>
      </c>
      <c r="O5" s="126" t="s">
        <v>53</v>
      </c>
      <c r="P5" s="12" t="s">
        <v>50</v>
      </c>
      <c r="Q5" s="71" t="s">
        <v>60</v>
      </c>
      <c r="S5" s="1"/>
      <c r="T5" s="1"/>
      <c r="U5" s="1"/>
    </row>
    <row r="6" spans="1:23" ht="21.75" customHeight="1" x14ac:dyDescent="0.15">
      <c r="A6" s="128">
        <v>1</v>
      </c>
      <c r="B6" s="129" t="s">
        <v>3</v>
      </c>
      <c r="C6" s="130">
        <v>10.72</v>
      </c>
      <c r="D6" s="131">
        <v>29</v>
      </c>
      <c r="E6" s="132">
        <v>0.06</v>
      </c>
      <c r="F6" s="130">
        <v>11.32</v>
      </c>
      <c r="G6" s="131">
        <v>27</v>
      </c>
      <c r="H6" s="132">
        <v>0.6</v>
      </c>
      <c r="I6" s="132">
        <v>11.37</v>
      </c>
      <c r="J6" s="133">
        <v>24</v>
      </c>
      <c r="K6" s="132">
        <v>0.05</v>
      </c>
      <c r="L6" s="132">
        <v>11.52</v>
      </c>
      <c r="M6" s="133">
        <v>25</v>
      </c>
      <c r="N6" s="132">
        <v>0.15</v>
      </c>
      <c r="O6" s="134">
        <v>11.59</v>
      </c>
      <c r="P6" s="135">
        <v>23</v>
      </c>
      <c r="Q6" s="136">
        <v>7.0000000000000007E-2</v>
      </c>
      <c r="T6" s="18"/>
      <c r="U6" s="18"/>
      <c r="W6" s="351"/>
    </row>
    <row r="7" spans="1:23" ht="21.75" customHeight="1" x14ac:dyDescent="0.15">
      <c r="A7" s="137">
        <v>2</v>
      </c>
      <c r="B7" s="129" t="s">
        <v>5</v>
      </c>
      <c r="C7" s="130">
        <v>10.84</v>
      </c>
      <c r="D7" s="131">
        <v>28</v>
      </c>
      <c r="E7" s="132">
        <v>0.3</v>
      </c>
      <c r="F7" s="130">
        <v>11.37</v>
      </c>
      <c r="G7" s="131">
        <v>25</v>
      </c>
      <c r="H7" s="132">
        <v>0.53</v>
      </c>
      <c r="I7" s="132">
        <v>11.18</v>
      </c>
      <c r="J7" s="133">
        <v>26</v>
      </c>
      <c r="K7" s="132">
        <v>-0.19</v>
      </c>
      <c r="L7" s="132">
        <v>11.48</v>
      </c>
      <c r="M7" s="133">
        <v>26</v>
      </c>
      <c r="N7" s="132">
        <v>0.3</v>
      </c>
      <c r="O7" s="134">
        <v>11.66</v>
      </c>
      <c r="P7" s="135">
        <v>22</v>
      </c>
      <c r="Q7" s="136">
        <v>0.18</v>
      </c>
      <c r="T7" s="18"/>
      <c r="U7" s="18"/>
      <c r="W7" s="351"/>
    </row>
    <row r="8" spans="1:23" ht="21.75" customHeight="1" x14ac:dyDescent="0.15">
      <c r="A8" s="137">
        <v>3</v>
      </c>
      <c r="B8" s="129" t="s">
        <v>6</v>
      </c>
      <c r="C8" s="130">
        <v>13.49</v>
      </c>
      <c r="D8" s="131">
        <v>9</v>
      </c>
      <c r="E8" s="132">
        <v>-0.55000000000000004</v>
      </c>
      <c r="F8" s="130">
        <v>15.29</v>
      </c>
      <c r="G8" s="131">
        <v>6</v>
      </c>
      <c r="H8" s="132">
        <v>1.8</v>
      </c>
      <c r="I8" s="132">
        <v>14.35</v>
      </c>
      <c r="J8" s="133">
        <v>4</v>
      </c>
      <c r="K8" s="132">
        <v>-0.94</v>
      </c>
      <c r="L8" s="132">
        <v>14.24</v>
      </c>
      <c r="M8" s="133">
        <v>7</v>
      </c>
      <c r="N8" s="132">
        <v>-0.11</v>
      </c>
      <c r="O8" s="134">
        <v>13.11</v>
      </c>
      <c r="P8" s="135">
        <v>13</v>
      </c>
      <c r="Q8" s="136">
        <v>-1.1299999999999999</v>
      </c>
      <c r="T8" s="18"/>
      <c r="U8" s="18"/>
      <c r="W8" s="351"/>
    </row>
    <row r="9" spans="1:23" ht="21.75" customHeight="1" x14ac:dyDescent="0.15">
      <c r="A9" s="137">
        <v>4</v>
      </c>
      <c r="B9" s="129" t="s">
        <v>7</v>
      </c>
      <c r="C9" s="130">
        <v>12.73</v>
      </c>
      <c r="D9" s="131">
        <v>12</v>
      </c>
      <c r="E9" s="132">
        <v>0.6</v>
      </c>
      <c r="F9" s="130">
        <v>13.26</v>
      </c>
      <c r="G9" s="131">
        <v>12</v>
      </c>
      <c r="H9" s="132">
        <v>0.53</v>
      </c>
      <c r="I9" s="132">
        <v>12.86</v>
      </c>
      <c r="J9" s="133">
        <v>10</v>
      </c>
      <c r="K9" s="132">
        <v>-0.4</v>
      </c>
      <c r="L9" s="132">
        <v>13.14</v>
      </c>
      <c r="M9" s="133">
        <v>12</v>
      </c>
      <c r="N9" s="132">
        <v>0.28000000000000003</v>
      </c>
      <c r="O9" s="134">
        <v>13.71</v>
      </c>
      <c r="P9" s="135">
        <v>9</v>
      </c>
      <c r="Q9" s="136">
        <v>0.56999999999999995</v>
      </c>
      <c r="T9" s="18"/>
      <c r="U9" s="18"/>
      <c r="W9" s="351"/>
    </row>
    <row r="10" spans="1:23" ht="21.75" customHeight="1" x14ac:dyDescent="0.15">
      <c r="A10" s="137">
        <v>5</v>
      </c>
      <c r="B10" s="129" t="s">
        <v>8</v>
      </c>
      <c r="C10" s="130">
        <v>9.49</v>
      </c>
      <c r="D10" s="131">
        <v>31</v>
      </c>
      <c r="E10" s="132">
        <v>0.3</v>
      </c>
      <c r="F10" s="130">
        <v>8.86</v>
      </c>
      <c r="G10" s="131">
        <v>33</v>
      </c>
      <c r="H10" s="132">
        <v>-0.63</v>
      </c>
      <c r="I10" s="132">
        <v>8.69</v>
      </c>
      <c r="J10" s="133">
        <v>33</v>
      </c>
      <c r="K10" s="132">
        <v>-0.17</v>
      </c>
      <c r="L10" s="132">
        <v>9.9499999999999993</v>
      </c>
      <c r="M10" s="133">
        <v>32</v>
      </c>
      <c r="N10" s="132">
        <v>1.26</v>
      </c>
      <c r="O10" s="134">
        <v>8.7200000000000006</v>
      </c>
      <c r="P10" s="135">
        <v>33</v>
      </c>
      <c r="Q10" s="136">
        <v>-1.23</v>
      </c>
      <c r="T10" s="18"/>
      <c r="U10" s="18"/>
      <c r="W10" s="351"/>
    </row>
    <row r="11" spans="1:23" ht="21.75" customHeight="1" x14ac:dyDescent="0.15">
      <c r="A11" s="137">
        <v>6</v>
      </c>
      <c r="B11" s="129" t="s">
        <v>9</v>
      </c>
      <c r="C11" s="130">
        <v>11.19</v>
      </c>
      <c r="D11" s="131">
        <v>24</v>
      </c>
      <c r="E11" s="132">
        <v>-0.32</v>
      </c>
      <c r="F11" s="130">
        <v>10.85</v>
      </c>
      <c r="G11" s="131">
        <v>30</v>
      </c>
      <c r="H11" s="132">
        <v>-0.34</v>
      </c>
      <c r="I11" s="132">
        <v>10.54</v>
      </c>
      <c r="J11" s="133">
        <v>29</v>
      </c>
      <c r="K11" s="132">
        <v>-0.31</v>
      </c>
      <c r="L11" s="132">
        <v>11.36</v>
      </c>
      <c r="M11" s="133">
        <v>28</v>
      </c>
      <c r="N11" s="132">
        <v>0.82</v>
      </c>
      <c r="O11" s="134">
        <v>11.59</v>
      </c>
      <c r="P11" s="135">
        <v>23</v>
      </c>
      <c r="Q11" s="136">
        <v>0.23</v>
      </c>
      <c r="T11" s="18"/>
      <c r="U11" s="18"/>
      <c r="W11" s="351"/>
    </row>
    <row r="12" spans="1:23" ht="21.75" customHeight="1" x14ac:dyDescent="0.15">
      <c r="A12" s="137">
        <v>7</v>
      </c>
      <c r="B12" s="129" t="s">
        <v>10</v>
      </c>
      <c r="C12" s="130">
        <v>13.9</v>
      </c>
      <c r="D12" s="131">
        <v>5</v>
      </c>
      <c r="E12" s="132">
        <v>1.43</v>
      </c>
      <c r="F12" s="130">
        <v>14.84</v>
      </c>
      <c r="G12" s="131">
        <v>7</v>
      </c>
      <c r="H12" s="132">
        <v>0.94</v>
      </c>
      <c r="I12" s="132">
        <v>14.45</v>
      </c>
      <c r="J12" s="133">
        <v>3</v>
      </c>
      <c r="K12" s="132">
        <v>-0.39</v>
      </c>
      <c r="L12" s="132">
        <v>14.29</v>
      </c>
      <c r="M12" s="133">
        <v>6</v>
      </c>
      <c r="N12" s="132">
        <v>-0.16</v>
      </c>
      <c r="O12" s="134">
        <v>14.35</v>
      </c>
      <c r="P12" s="135">
        <v>7</v>
      </c>
      <c r="Q12" s="136">
        <v>0.06</v>
      </c>
      <c r="T12" s="18"/>
      <c r="U12" s="18"/>
      <c r="W12" s="351"/>
    </row>
    <row r="13" spans="1:23" ht="21.75" customHeight="1" x14ac:dyDescent="0.15">
      <c r="A13" s="137">
        <v>8</v>
      </c>
      <c r="B13" s="129" t="s">
        <v>11</v>
      </c>
      <c r="C13" s="130">
        <v>11.81</v>
      </c>
      <c r="D13" s="131">
        <v>19</v>
      </c>
      <c r="E13" s="132">
        <v>0.01</v>
      </c>
      <c r="F13" s="130">
        <v>11.88</v>
      </c>
      <c r="G13" s="131">
        <v>23</v>
      </c>
      <c r="H13" s="132">
        <v>7.0000000000000007E-2</v>
      </c>
      <c r="I13" s="132">
        <v>11.38</v>
      </c>
      <c r="J13" s="133">
        <v>23</v>
      </c>
      <c r="K13" s="132">
        <v>-0.5</v>
      </c>
      <c r="L13" s="132">
        <v>12.62</v>
      </c>
      <c r="M13" s="133">
        <v>15</v>
      </c>
      <c r="N13" s="132">
        <v>1.24</v>
      </c>
      <c r="O13" s="134">
        <v>12.36</v>
      </c>
      <c r="P13" s="135">
        <v>19</v>
      </c>
      <c r="Q13" s="136">
        <v>-0.26</v>
      </c>
      <c r="T13" s="18"/>
      <c r="U13" s="18"/>
      <c r="W13" s="351"/>
    </row>
    <row r="14" spans="1:23" ht="21.75" customHeight="1" x14ac:dyDescent="0.15">
      <c r="A14" s="137">
        <v>9</v>
      </c>
      <c r="B14" s="129" t="s">
        <v>12</v>
      </c>
      <c r="C14" s="130">
        <v>9.49</v>
      </c>
      <c r="D14" s="131">
        <v>31</v>
      </c>
      <c r="E14" s="132">
        <v>-0.53</v>
      </c>
      <c r="F14" s="130">
        <v>10.89</v>
      </c>
      <c r="G14" s="131">
        <v>29</v>
      </c>
      <c r="H14" s="132">
        <v>1.4</v>
      </c>
      <c r="I14" s="132">
        <v>10.82</v>
      </c>
      <c r="J14" s="133">
        <v>27</v>
      </c>
      <c r="K14" s="132">
        <v>-7.0000000000000007E-2</v>
      </c>
      <c r="L14" s="132">
        <v>10.83</v>
      </c>
      <c r="M14" s="133">
        <v>29</v>
      </c>
      <c r="N14" s="132">
        <v>0.01</v>
      </c>
      <c r="O14" s="134">
        <v>11.32</v>
      </c>
      <c r="P14" s="135">
        <v>29</v>
      </c>
      <c r="Q14" s="136">
        <v>0.49</v>
      </c>
      <c r="T14" s="18"/>
      <c r="U14" s="18"/>
      <c r="W14" s="351"/>
    </row>
    <row r="15" spans="1:23" ht="21.75" customHeight="1" x14ac:dyDescent="0.15">
      <c r="A15" s="137">
        <v>10</v>
      </c>
      <c r="B15" s="129" t="s">
        <v>13</v>
      </c>
      <c r="C15" s="130">
        <v>11.82</v>
      </c>
      <c r="D15" s="131">
        <v>18</v>
      </c>
      <c r="E15" s="132">
        <v>0.53</v>
      </c>
      <c r="F15" s="130">
        <v>12.41</v>
      </c>
      <c r="G15" s="131">
        <v>19</v>
      </c>
      <c r="H15" s="132">
        <v>0.59</v>
      </c>
      <c r="I15" s="132">
        <v>12.32</v>
      </c>
      <c r="J15" s="133">
        <v>15</v>
      </c>
      <c r="K15" s="132">
        <v>-0.09</v>
      </c>
      <c r="L15" s="132">
        <v>12.56</v>
      </c>
      <c r="M15" s="133">
        <v>16</v>
      </c>
      <c r="N15" s="132">
        <v>0.24</v>
      </c>
      <c r="O15" s="134">
        <v>12.75</v>
      </c>
      <c r="P15" s="135">
        <v>15</v>
      </c>
      <c r="Q15" s="136">
        <v>0.19</v>
      </c>
      <c r="T15" s="18"/>
      <c r="U15" s="18"/>
      <c r="W15" s="351"/>
    </row>
    <row r="16" spans="1:23" ht="21.75" customHeight="1" x14ac:dyDescent="0.15">
      <c r="A16" s="137">
        <v>11</v>
      </c>
      <c r="B16" s="129" t="s">
        <v>14</v>
      </c>
      <c r="C16" s="130">
        <v>13.5</v>
      </c>
      <c r="D16" s="131">
        <v>8</v>
      </c>
      <c r="E16" s="132">
        <v>0.28000000000000003</v>
      </c>
      <c r="F16" s="130">
        <v>13.08</v>
      </c>
      <c r="G16" s="131">
        <v>13</v>
      </c>
      <c r="H16" s="132">
        <v>-0.42</v>
      </c>
      <c r="I16" s="132">
        <v>13.08</v>
      </c>
      <c r="J16" s="133">
        <v>9</v>
      </c>
      <c r="K16" s="132">
        <v>0</v>
      </c>
      <c r="L16" s="132">
        <v>12.93</v>
      </c>
      <c r="M16" s="133">
        <v>13</v>
      </c>
      <c r="N16" s="132">
        <v>-0.15</v>
      </c>
      <c r="O16" s="134">
        <v>14.13</v>
      </c>
      <c r="P16" s="135">
        <v>8</v>
      </c>
      <c r="Q16" s="136">
        <v>1.2</v>
      </c>
      <c r="T16" s="18"/>
      <c r="U16" s="18"/>
      <c r="W16" s="351"/>
    </row>
    <row r="17" spans="1:23" ht="21.75" customHeight="1" x14ac:dyDescent="0.15">
      <c r="A17" s="137">
        <v>12</v>
      </c>
      <c r="B17" s="129" t="s">
        <v>15</v>
      </c>
      <c r="C17" s="130">
        <v>11.37</v>
      </c>
      <c r="D17" s="131">
        <v>22</v>
      </c>
      <c r="E17" s="132">
        <v>-0.53</v>
      </c>
      <c r="F17" s="130">
        <v>11.96</v>
      </c>
      <c r="G17" s="131">
        <v>22</v>
      </c>
      <c r="H17" s="132">
        <v>0.59</v>
      </c>
      <c r="I17" s="132">
        <v>11.37</v>
      </c>
      <c r="J17" s="133">
        <v>24</v>
      </c>
      <c r="K17" s="132">
        <v>-0.59</v>
      </c>
      <c r="L17" s="132">
        <v>11.84</v>
      </c>
      <c r="M17" s="133">
        <v>21</v>
      </c>
      <c r="N17" s="132">
        <v>0.47</v>
      </c>
      <c r="O17" s="134">
        <v>12.69</v>
      </c>
      <c r="P17" s="135">
        <v>17</v>
      </c>
      <c r="Q17" s="136">
        <v>0.85</v>
      </c>
      <c r="T17" s="18"/>
      <c r="U17" s="18"/>
      <c r="W17" s="351"/>
    </row>
    <row r="18" spans="1:23" ht="21.75" customHeight="1" x14ac:dyDescent="0.15">
      <c r="A18" s="137">
        <v>13</v>
      </c>
      <c r="B18" s="129" t="s">
        <v>16</v>
      </c>
      <c r="C18" s="130">
        <v>12.13</v>
      </c>
      <c r="D18" s="131">
        <v>16</v>
      </c>
      <c r="E18" s="132">
        <v>0.11</v>
      </c>
      <c r="F18" s="130">
        <v>13.07</v>
      </c>
      <c r="G18" s="131">
        <v>15</v>
      </c>
      <c r="H18" s="132">
        <v>0.94</v>
      </c>
      <c r="I18" s="132">
        <v>11.82</v>
      </c>
      <c r="J18" s="133">
        <v>20</v>
      </c>
      <c r="K18" s="132">
        <v>-1.25</v>
      </c>
      <c r="L18" s="132">
        <v>12.14</v>
      </c>
      <c r="M18" s="133">
        <v>19</v>
      </c>
      <c r="N18" s="132">
        <v>0.32</v>
      </c>
      <c r="O18" s="134">
        <v>11.46</v>
      </c>
      <c r="P18" s="135">
        <v>26</v>
      </c>
      <c r="Q18" s="136">
        <v>-0.68</v>
      </c>
      <c r="T18" s="18"/>
      <c r="U18" s="18"/>
      <c r="W18" s="351"/>
    </row>
    <row r="19" spans="1:23" ht="21.75" customHeight="1" x14ac:dyDescent="0.15">
      <c r="A19" s="137">
        <v>14</v>
      </c>
      <c r="B19" s="129" t="s">
        <v>17</v>
      </c>
      <c r="C19" s="130">
        <v>11.04</v>
      </c>
      <c r="D19" s="131">
        <v>26</v>
      </c>
      <c r="E19" s="132">
        <v>0.22</v>
      </c>
      <c r="F19" s="130">
        <v>12.15</v>
      </c>
      <c r="G19" s="131">
        <v>20</v>
      </c>
      <c r="H19" s="132">
        <v>1.1100000000000001</v>
      </c>
      <c r="I19" s="132">
        <v>11.44</v>
      </c>
      <c r="J19" s="133">
        <v>22</v>
      </c>
      <c r="K19" s="132">
        <v>-0.71</v>
      </c>
      <c r="L19" s="132">
        <v>11.77</v>
      </c>
      <c r="M19" s="133">
        <v>22</v>
      </c>
      <c r="N19" s="132">
        <v>0.33</v>
      </c>
      <c r="O19" s="134">
        <v>11.3</v>
      </c>
      <c r="P19" s="135">
        <v>30</v>
      </c>
      <c r="Q19" s="136">
        <v>-0.47</v>
      </c>
      <c r="T19" s="18"/>
      <c r="U19" s="18"/>
      <c r="W19" s="351"/>
    </row>
    <row r="20" spans="1:23" ht="21.75" customHeight="1" x14ac:dyDescent="0.15">
      <c r="A20" s="137">
        <v>15</v>
      </c>
      <c r="B20" s="129" t="s">
        <v>18</v>
      </c>
      <c r="C20" s="130">
        <v>12.09</v>
      </c>
      <c r="D20" s="131">
        <v>17</v>
      </c>
      <c r="E20" s="132">
        <v>-0.06</v>
      </c>
      <c r="F20" s="130">
        <v>12.58</v>
      </c>
      <c r="G20" s="131">
        <v>18</v>
      </c>
      <c r="H20" s="132">
        <v>0.49</v>
      </c>
      <c r="I20" s="132">
        <v>11.86</v>
      </c>
      <c r="J20" s="133">
        <v>19</v>
      </c>
      <c r="K20" s="132">
        <v>-0.72</v>
      </c>
      <c r="L20" s="132">
        <v>11.87</v>
      </c>
      <c r="M20" s="133">
        <v>20</v>
      </c>
      <c r="N20" s="132">
        <v>0.01</v>
      </c>
      <c r="O20" s="134">
        <v>11.88</v>
      </c>
      <c r="P20" s="135">
        <v>21</v>
      </c>
      <c r="Q20" s="136">
        <v>0.01</v>
      </c>
      <c r="T20" s="18"/>
      <c r="U20" s="18"/>
      <c r="W20" s="351"/>
    </row>
    <row r="21" spans="1:23" ht="21.75" customHeight="1" x14ac:dyDescent="0.15">
      <c r="A21" s="137">
        <v>16</v>
      </c>
      <c r="B21" s="129" t="s">
        <v>19</v>
      </c>
      <c r="C21" s="130">
        <v>10.33</v>
      </c>
      <c r="D21" s="131">
        <v>30</v>
      </c>
      <c r="E21" s="132">
        <v>-0.45</v>
      </c>
      <c r="F21" s="130">
        <v>10.58</v>
      </c>
      <c r="G21" s="131">
        <v>31</v>
      </c>
      <c r="H21" s="132">
        <v>0.25</v>
      </c>
      <c r="I21" s="132">
        <v>10.28</v>
      </c>
      <c r="J21" s="133">
        <v>31</v>
      </c>
      <c r="K21" s="132">
        <v>-0.3</v>
      </c>
      <c r="L21" s="132">
        <v>9.7899999999999991</v>
      </c>
      <c r="M21" s="133">
        <v>33</v>
      </c>
      <c r="N21" s="132">
        <v>-0.49</v>
      </c>
      <c r="O21" s="134">
        <v>11.46</v>
      </c>
      <c r="P21" s="135">
        <v>26</v>
      </c>
      <c r="Q21" s="136">
        <v>1.67</v>
      </c>
      <c r="T21" s="18"/>
      <c r="U21" s="18"/>
      <c r="W21" s="351"/>
    </row>
    <row r="22" spans="1:23" ht="21.75" customHeight="1" x14ac:dyDescent="0.15">
      <c r="A22" s="137">
        <v>17</v>
      </c>
      <c r="B22" s="129" t="s">
        <v>20</v>
      </c>
      <c r="C22" s="130">
        <v>11.06</v>
      </c>
      <c r="D22" s="131">
        <v>25</v>
      </c>
      <c r="E22" s="132">
        <v>0.36</v>
      </c>
      <c r="F22" s="130">
        <v>11.84</v>
      </c>
      <c r="G22" s="131">
        <v>24</v>
      </c>
      <c r="H22" s="132">
        <v>0.78</v>
      </c>
      <c r="I22" s="132">
        <v>12.54</v>
      </c>
      <c r="J22" s="133">
        <v>13</v>
      </c>
      <c r="K22" s="132">
        <v>0.7</v>
      </c>
      <c r="L22" s="132">
        <v>12.55</v>
      </c>
      <c r="M22" s="133">
        <v>17</v>
      </c>
      <c r="N22" s="132">
        <v>0.01</v>
      </c>
      <c r="O22" s="134">
        <v>12.51</v>
      </c>
      <c r="P22" s="135">
        <v>18</v>
      </c>
      <c r="Q22" s="136">
        <v>-0.04</v>
      </c>
      <c r="T22" s="18"/>
      <c r="U22" s="18"/>
      <c r="W22" s="351"/>
    </row>
    <row r="23" spans="1:23" ht="21.75" customHeight="1" x14ac:dyDescent="0.15">
      <c r="A23" s="137">
        <v>18</v>
      </c>
      <c r="B23" s="129" t="s">
        <v>21</v>
      </c>
      <c r="C23" s="130">
        <v>14.86</v>
      </c>
      <c r="D23" s="131">
        <v>3</v>
      </c>
      <c r="E23" s="132">
        <v>-0.52</v>
      </c>
      <c r="F23" s="130">
        <v>15.4</v>
      </c>
      <c r="G23" s="131">
        <v>5</v>
      </c>
      <c r="H23" s="132">
        <v>0.54</v>
      </c>
      <c r="I23" s="132">
        <v>13.96</v>
      </c>
      <c r="J23" s="133">
        <v>6</v>
      </c>
      <c r="K23" s="132">
        <v>-1.44</v>
      </c>
      <c r="L23" s="132">
        <v>15.35</v>
      </c>
      <c r="M23" s="133">
        <v>1</v>
      </c>
      <c r="N23" s="132">
        <v>1.39</v>
      </c>
      <c r="O23" s="134">
        <v>15.4</v>
      </c>
      <c r="P23" s="135">
        <v>2</v>
      </c>
      <c r="Q23" s="136">
        <v>0.05</v>
      </c>
      <c r="T23" s="18"/>
      <c r="U23" s="18"/>
      <c r="W23" s="351"/>
    </row>
    <row r="24" spans="1:23" ht="21.75" customHeight="1" x14ac:dyDescent="0.15">
      <c r="A24" s="137">
        <v>19</v>
      </c>
      <c r="B24" s="129" t="s">
        <v>23</v>
      </c>
      <c r="C24" s="130">
        <v>9.4700000000000006</v>
      </c>
      <c r="D24" s="131">
        <v>33</v>
      </c>
      <c r="E24" s="132">
        <v>-0.46</v>
      </c>
      <c r="F24" s="130">
        <v>10.23</v>
      </c>
      <c r="G24" s="131">
        <v>32</v>
      </c>
      <c r="H24" s="132">
        <v>0.76</v>
      </c>
      <c r="I24" s="132">
        <v>9.76</v>
      </c>
      <c r="J24" s="133">
        <v>32</v>
      </c>
      <c r="K24" s="132">
        <v>-0.47</v>
      </c>
      <c r="L24" s="132">
        <v>10.53</v>
      </c>
      <c r="M24" s="133">
        <v>30</v>
      </c>
      <c r="N24" s="132">
        <v>0.77</v>
      </c>
      <c r="O24" s="134">
        <v>9.48</v>
      </c>
      <c r="P24" s="135">
        <v>31</v>
      </c>
      <c r="Q24" s="136">
        <v>-1.05</v>
      </c>
      <c r="T24" s="18"/>
      <c r="U24" s="18"/>
      <c r="W24" s="351"/>
    </row>
    <row r="25" spans="1:23" ht="21.75" customHeight="1" x14ac:dyDescent="0.15">
      <c r="A25" s="137">
        <v>20</v>
      </c>
      <c r="B25" s="129" t="s">
        <v>24</v>
      </c>
      <c r="C25" s="130">
        <v>15.08</v>
      </c>
      <c r="D25" s="131">
        <v>2</v>
      </c>
      <c r="E25" s="132">
        <v>0.48</v>
      </c>
      <c r="F25" s="130">
        <v>13.08</v>
      </c>
      <c r="G25" s="131">
        <v>13</v>
      </c>
      <c r="H25" s="132">
        <v>-2</v>
      </c>
      <c r="I25" s="132">
        <v>11.97</v>
      </c>
      <c r="J25" s="133">
        <v>18</v>
      </c>
      <c r="K25" s="132">
        <v>-1.1100000000000001</v>
      </c>
      <c r="L25" s="132">
        <v>12.92</v>
      </c>
      <c r="M25" s="133">
        <v>14</v>
      </c>
      <c r="N25" s="132">
        <v>0.95</v>
      </c>
      <c r="O25" s="134">
        <v>13.4</v>
      </c>
      <c r="P25" s="135">
        <v>10</v>
      </c>
      <c r="Q25" s="136">
        <v>0.48</v>
      </c>
      <c r="T25" s="18"/>
      <c r="U25" s="18"/>
      <c r="W25" s="351"/>
    </row>
    <row r="26" spans="1:23" ht="21.75" customHeight="1" x14ac:dyDescent="0.15">
      <c r="A26" s="137">
        <v>21</v>
      </c>
      <c r="B26" s="129" t="s">
        <v>22</v>
      </c>
      <c r="C26" s="130">
        <v>11.04</v>
      </c>
      <c r="D26" s="131">
        <v>26</v>
      </c>
      <c r="E26" s="132">
        <v>-0.34</v>
      </c>
      <c r="F26" s="130">
        <v>11.29</v>
      </c>
      <c r="G26" s="131">
        <v>28</v>
      </c>
      <c r="H26" s="132">
        <v>0.25</v>
      </c>
      <c r="I26" s="132">
        <v>10.66</v>
      </c>
      <c r="J26" s="133">
        <v>28</v>
      </c>
      <c r="K26" s="132">
        <v>-0.63</v>
      </c>
      <c r="L26" s="132">
        <v>11.48</v>
      </c>
      <c r="M26" s="133">
        <v>26</v>
      </c>
      <c r="N26" s="132">
        <v>0.82</v>
      </c>
      <c r="O26" s="134">
        <v>11.56</v>
      </c>
      <c r="P26" s="135">
        <v>25</v>
      </c>
      <c r="Q26" s="136">
        <v>0.08</v>
      </c>
      <c r="T26" s="18"/>
      <c r="U26" s="18"/>
      <c r="W26" s="351"/>
    </row>
    <row r="27" spans="1:23" ht="21.75" customHeight="1" x14ac:dyDescent="0.15">
      <c r="A27" s="137">
        <v>22</v>
      </c>
      <c r="B27" s="129" t="s">
        <v>25</v>
      </c>
      <c r="C27" s="130">
        <v>11.23</v>
      </c>
      <c r="D27" s="131">
        <v>23</v>
      </c>
      <c r="E27" s="132">
        <v>-0.82</v>
      </c>
      <c r="F27" s="130">
        <v>12.06</v>
      </c>
      <c r="G27" s="131">
        <v>21</v>
      </c>
      <c r="H27" s="132">
        <v>0.83</v>
      </c>
      <c r="I27" s="132">
        <v>11.82</v>
      </c>
      <c r="J27" s="133">
        <v>20</v>
      </c>
      <c r="K27" s="132">
        <v>-0.24</v>
      </c>
      <c r="L27" s="132">
        <v>10.53</v>
      </c>
      <c r="M27" s="133">
        <v>30</v>
      </c>
      <c r="N27" s="132">
        <v>-1.29</v>
      </c>
      <c r="O27" s="134">
        <v>12.71</v>
      </c>
      <c r="P27" s="135">
        <v>16</v>
      </c>
      <c r="Q27" s="136">
        <v>2.1800000000000002</v>
      </c>
      <c r="T27" s="18"/>
      <c r="U27" s="18"/>
      <c r="W27" s="351"/>
    </row>
    <row r="28" spans="1:23" ht="21.75" customHeight="1" x14ac:dyDescent="0.15">
      <c r="A28" s="137">
        <v>23</v>
      </c>
      <c r="B28" s="129" t="s">
        <v>26</v>
      </c>
      <c r="C28" s="130">
        <v>12.32</v>
      </c>
      <c r="D28" s="131">
        <v>15</v>
      </c>
      <c r="E28" s="132">
        <v>-0.22</v>
      </c>
      <c r="F28" s="130">
        <v>13.02</v>
      </c>
      <c r="G28" s="131">
        <v>16</v>
      </c>
      <c r="H28" s="132">
        <v>0.7</v>
      </c>
      <c r="I28" s="132">
        <v>12.32</v>
      </c>
      <c r="J28" s="133">
        <v>15</v>
      </c>
      <c r="K28" s="132">
        <v>-0.7</v>
      </c>
      <c r="L28" s="132">
        <v>15.07</v>
      </c>
      <c r="M28" s="133">
        <v>4</v>
      </c>
      <c r="N28" s="132">
        <v>2.75</v>
      </c>
      <c r="O28" s="134">
        <v>15.04</v>
      </c>
      <c r="P28" s="135">
        <v>4</v>
      </c>
      <c r="Q28" s="136">
        <v>-0.03</v>
      </c>
      <c r="T28" s="18"/>
      <c r="U28" s="18"/>
      <c r="W28" s="351"/>
    </row>
    <row r="29" spans="1:23" ht="21.75" customHeight="1" x14ac:dyDescent="0.15">
      <c r="A29" s="137">
        <v>24</v>
      </c>
      <c r="B29" s="129" t="s">
        <v>27</v>
      </c>
      <c r="C29" s="130">
        <v>12.48</v>
      </c>
      <c r="D29" s="131">
        <v>14</v>
      </c>
      <c r="E29" s="132">
        <v>0.42</v>
      </c>
      <c r="F29" s="130">
        <v>13.27</v>
      </c>
      <c r="G29" s="131">
        <v>11</v>
      </c>
      <c r="H29" s="132">
        <v>0.79</v>
      </c>
      <c r="I29" s="132">
        <v>12.74</v>
      </c>
      <c r="J29" s="133">
        <v>11</v>
      </c>
      <c r="K29" s="132">
        <v>-0.53</v>
      </c>
      <c r="L29" s="132">
        <v>12.47</v>
      </c>
      <c r="M29" s="133">
        <v>18</v>
      </c>
      <c r="N29" s="132">
        <v>-0.27</v>
      </c>
      <c r="O29" s="134">
        <v>12.82</v>
      </c>
      <c r="P29" s="135">
        <v>14</v>
      </c>
      <c r="Q29" s="136">
        <v>0.35</v>
      </c>
      <c r="T29" s="18"/>
      <c r="U29" s="18"/>
      <c r="W29" s="351"/>
    </row>
    <row r="30" spans="1:23" ht="21.75" customHeight="1" x14ac:dyDescent="0.15">
      <c r="A30" s="137">
        <v>25</v>
      </c>
      <c r="B30" s="129" t="s">
        <v>28</v>
      </c>
      <c r="C30" s="130">
        <v>13.42</v>
      </c>
      <c r="D30" s="131">
        <v>10</v>
      </c>
      <c r="E30" s="132">
        <v>0.52</v>
      </c>
      <c r="F30" s="130">
        <v>14.37</v>
      </c>
      <c r="G30" s="131">
        <v>9</v>
      </c>
      <c r="H30" s="132">
        <v>0.95</v>
      </c>
      <c r="I30" s="132">
        <v>12.34</v>
      </c>
      <c r="J30" s="133">
        <v>14</v>
      </c>
      <c r="K30" s="132">
        <v>-2.0299999999999998</v>
      </c>
      <c r="L30" s="132">
        <v>11.63</v>
      </c>
      <c r="M30" s="133">
        <v>24</v>
      </c>
      <c r="N30" s="132">
        <v>-0.71</v>
      </c>
      <c r="O30" s="134">
        <v>9.44</v>
      </c>
      <c r="P30" s="135">
        <v>32</v>
      </c>
      <c r="Q30" s="136">
        <v>-2.19</v>
      </c>
      <c r="T30" s="18"/>
      <c r="U30" s="18"/>
      <c r="W30" s="351"/>
    </row>
    <row r="31" spans="1:23" ht="21.75" customHeight="1" x14ac:dyDescent="0.15">
      <c r="A31" s="137">
        <v>26</v>
      </c>
      <c r="B31" s="129" t="s">
        <v>29</v>
      </c>
      <c r="C31" s="130">
        <v>12.57</v>
      </c>
      <c r="D31" s="131">
        <v>13</v>
      </c>
      <c r="E31" s="132">
        <v>1.1599999999999999</v>
      </c>
      <c r="F31" s="130">
        <v>17.170000000000002</v>
      </c>
      <c r="G31" s="131">
        <v>1</v>
      </c>
      <c r="H31" s="132">
        <v>4.5999999999999996</v>
      </c>
      <c r="I31" s="132">
        <v>16.309999999999999</v>
      </c>
      <c r="J31" s="133">
        <v>1</v>
      </c>
      <c r="K31" s="132">
        <v>-0.86</v>
      </c>
      <c r="L31" s="132">
        <v>15.19</v>
      </c>
      <c r="M31" s="133">
        <v>2</v>
      </c>
      <c r="N31" s="132">
        <v>-1.1200000000000001</v>
      </c>
      <c r="O31" s="134">
        <v>15.13</v>
      </c>
      <c r="P31" s="135">
        <v>3</v>
      </c>
      <c r="Q31" s="136">
        <v>-0.06</v>
      </c>
      <c r="T31" s="18"/>
      <c r="U31" s="18"/>
      <c r="W31" s="351"/>
    </row>
    <row r="32" spans="1:23" ht="21.75" customHeight="1" x14ac:dyDescent="0.15">
      <c r="A32" s="137">
        <v>27</v>
      </c>
      <c r="B32" s="129" t="s">
        <v>30</v>
      </c>
      <c r="C32" s="130">
        <v>14.82</v>
      </c>
      <c r="D32" s="131">
        <v>4</v>
      </c>
      <c r="E32" s="132">
        <v>-0.38</v>
      </c>
      <c r="F32" s="130">
        <v>12.82</v>
      </c>
      <c r="G32" s="131">
        <v>17</v>
      </c>
      <c r="H32" s="132">
        <v>-2</v>
      </c>
      <c r="I32" s="132">
        <v>12.23</v>
      </c>
      <c r="J32" s="133">
        <v>17</v>
      </c>
      <c r="K32" s="132">
        <v>-0.59</v>
      </c>
      <c r="L32" s="132">
        <v>15.1</v>
      </c>
      <c r="M32" s="133">
        <v>3</v>
      </c>
      <c r="N32" s="132">
        <v>2.87</v>
      </c>
      <c r="O32" s="134">
        <v>14.84</v>
      </c>
      <c r="P32" s="135">
        <v>5</v>
      </c>
      <c r="Q32" s="136">
        <v>-0.26</v>
      </c>
      <c r="T32" s="18"/>
      <c r="U32" s="18"/>
      <c r="W32" s="351"/>
    </row>
    <row r="33" spans="1:23" ht="21.75" customHeight="1" x14ac:dyDescent="0.15">
      <c r="A33" s="137">
        <v>28</v>
      </c>
      <c r="B33" s="129" t="s">
        <v>31</v>
      </c>
      <c r="C33" s="130">
        <v>13.01</v>
      </c>
      <c r="D33" s="131">
        <v>11</v>
      </c>
      <c r="E33" s="132">
        <v>0.13</v>
      </c>
      <c r="F33" s="130">
        <v>15.66</v>
      </c>
      <c r="G33" s="131">
        <v>3</v>
      </c>
      <c r="H33" s="132">
        <v>2.65</v>
      </c>
      <c r="I33" s="132">
        <v>14.8</v>
      </c>
      <c r="J33" s="133">
        <v>2</v>
      </c>
      <c r="K33" s="132">
        <v>-0.86</v>
      </c>
      <c r="L33" s="132">
        <v>14.11</v>
      </c>
      <c r="M33" s="133">
        <v>8</v>
      </c>
      <c r="N33" s="132">
        <v>-0.69</v>
      </c>
      <c r="O33" s="134">
        <v>14.64</v>
      </c>
      <c r="P33" s="135">
        <v>6</v>
      </c>
      <c r="Q33" s="136">
        <v>0.53</v>
      </c>
      <c r="T33" s="18"/>
      <c r="U33" s="18"/>
      <c r="W33" s="351"/>
    </row>
    <row r="34" spans="1:23" ht="21.75" customHeight="1" x14ac:dyDescent="0.15">
      <c r="A34" s="137">
        <v>29</v>
      </c>
      <c r="B34" s="129" t="s">
        <v>32</v>
      </c>
      <c r="C34" s="130">
        <v>13.77</v>
      </c>
      <c r="D34" s="131">
        <v>7</v>
      </c>
      <c r="E34" s="132">
        <v>1.1399999999999999</v>
      </c>
      <c r="F34" s="130">
        <v>14.48</v>
      </c>
      <c r="G34" s="131">
        <v>8</v>
      </c>
      <c r="H34" s="132">
        <v>0.71</v>
      </c>
      <c r="I34" s="132">
        <v>13.34</v>
      </c>
      <c r="J34" s="133">
        <v>8</v>
      </c>
      <c r="K34" s="132">
        <v>-1.1399999999999999</v>
      </c>
      <c r="L34" s="132">
        <v>13.65</v>
      </c>
      <c r="M34" s="133">
        <v>10</v>
      </c>
      <c r="N34" s="132">
        <v>0.31</v>
      </c>
      <c r="O34" s="134">
        <v>11.39</v>
      </c>
      <c r="P34" s="135">
        <v>28</v>
      </c>
      <c r="Q34" s="136">
        <v>-2.2599999999999998</v>
      </c>
      <c r="T34" s="18"/>
      <c r="U34" s="18"/>
      <c r="W34" s="351"/>
    </row>
    <row r="35" spans="1:23" ht="21.75" customHeight="1" x14ac:dyDescent="0.15">
      <c r="A35" s="137">
        <v>30</v>
      </c>
      <c r="B35" s="129" t="s">
        <v>33</v>
      </c>
      <c r="C35" s="130">
        <v>13.82</v>
      </c>
      <c r="D35" s="131">
        <v>6</v>
      </c>
      <c r="E35" s="132">
        <v>-2.62</v>
      </c>
      <c r="F35" s="130">
        <v>15.6</v>
      </c>
      <c r="G35" s="131">
        <v>4</v>
      </c>
      <c r="H35" s="132">
        <v>1.78</v>
      </c>
      <c r="I35" s="132">
        <v>14.04</v>
      </c>
      <c r="J35" s="133">
        <v>5</v>
      </c>
      <c r="K35" s="132">
        <v>-1.56</v>
      </c>
      <c r="L35" s="132">
        <v>14.97</v>
      </c>
      <c r="M35" s="133">
        <v>5</v>
      </c>
      <c r="N35" s="132">
        <v>0.93</v>
      </c>
      <c r="O35" s="134">
        <v>16.350000000000001</v>
      </c>
      <c r="P35" s="135">
        <v>1</v>
      </c>
      <c r="Q35" s="136">
        <v>1.38</v>
      </c>
      <c r="T35" s="18"/>
      <c r="U35" s="18"/>
      <c r="W35" s="351"/>
    </row>
    <row r="36" spans="1:23" ht="21.75" customHeight="1" x14ac:dyDescent="0.15">
      <c r="A36" s="137">
        <v>31</v>
      </c>
      <c r="B36" s="129" t="s">
        <v>34</v>
      </c>
      <c r="C36" s="130">
        <v>17.13</v>
      </c>
      <c r="D36" s="131">
        <v>1</v>
      </c>
      <c r="E36" s="132">
        <v>-0.4</v>
      </c>
      <c r="F36" s="130">
        <v>16.78</v>
      </c>
      <c r="G36" s="131">
        <v>2</v>
      </c>
      <c r="H36" s="132">
        <v>-0.35</v>
      </c>
      <c r="I36" s="132">
        <v>13.57</v>
      </c>
      <c r="J36" s="133">
        <v>7</v>
      </c>
      <c r="K36" s="132">
        <v>-3.21</v>
      </c>
      <c r="L36" s="132">
        <v>13.94</v>
      </c>
      <c r="M36" s="133">
        <v>9</v>
      </c>
      <c r="N36" s="132">
        <v>0.37</v>
      </c>
      <c r="O36" s="134">
        <v>13.15</v>
      </c>
      <c r="P36" s="135">
        <v>12</v>
      </c>
      <c r="Q36" s="136">
        <v>-0.79</v>
      </c>
      <c r="T36" s="18"/>
      <c r="U36" s="18"/>
      <c r="W36" s="351"/>
    </row>
    <row r="37" spans="1:23" ht="21.75" customHeight="1" x14ac:dyDescent="0.15">
      <c r="A37" s="137">
        <v>32</v>
      </c>
      <c r="B37" s="129" t="s">
        <v>35</v>
      </c>
      <c r="C37" s="130">
        <v>11.5</v>
      </c>
      <c r="D37" s="131">
        <v>21</v>
      </c>
      <c r="E37" s="132">
        <v>-0.9</v>
      </c>
      <c r="F37" s="130">
        <v>13.33</v>
      </c>
      <c r="G37" s="131">
        <v>10</v>
      </c>
      <c r="H37" s="132">
        <v>1.83</v>
      </c>
      <c r="I37" s="132">
        <v>12.74</v>
      </c>
      <c r="J37" s="133">
        <v>11</v>
      </c>
      <c r="K37" s="132">
        <v>-0.59</v>
      </c>
      <c r="L37" s="132">
        <v>13.2</v>
      </c>
      <c r="M37" s="133">
        <v>11</v>
      </c>
      <c r="N37" s="132">
        <v>0.46</v>
      </c>
      <c r="O37" s="134">
        <v>13.19</v>
      </c>
      <c r="P37" s="135">
        <v>11</v>
      </c>
      <c r="Q37" s="136">
        <v>-0.01</v>
      </c>
      <c r="T37" s="18"/>
      <c r="U37" s="18"/>
      <c r="W37" s="351"/>
    </row>
    <row r="38" spans="1:23" ht="21.75" customHeight="1" thickBot="1" x14ac:dyDescent="0.2">
      <c r="A38" s="138">
        <v>33</v>
      </c>
      <c r="B38" s="139" t="s">
        <v>36</v>
      </c>
      <c r="C38" s="140">
        <v>11.72</v>
      </c>
      <c r="D38" s="141">
        <v>20</v>
      </c>
      <c r="E38" s="142">
        <v>0.32</v>
      </c>
      <c r="F38" s="140">
        <v>11.37</v>
      </c>
      <c r="G38" s="141">
        <v>25</v>
      </c>
      <c r="H38" s="142">
        <v>-0.35</v>
      </c>
      <c r="I38" s="142">
        <v>10.29</v>
      </c>
      <c r="J38" s="143">
        <v>30</v>
      </c>
      <c r="K38" s="142">
        <v>-1.08</v>
      </c>
      <c r="L38" s="142">
        <v>11.71</v>
      </c>
      <c r="M38" s="143">
        <v>23</v>
      </c>
      <c r="N38" s="142">
        <v>1.42</v>
      </c>
      <c r="O38" s="144">
        <v>12.04</v>
      </c>
      <c r="P38" s="145">
        <v>20</v>
      </c>
      <c r="Q38" s="146">
        <v>0.33</v>
      </c>
      <c r="T38" s="18"/>
      <c r="U38" s="18"/>
      <c r="W38" s="351"/>
    </row>
    <row r="39" spans="1:23" ht="21.75" customHeight="1" thickTop="1" thickBot="1" x14ac:dyDescent="0.25">
      <c r="A39" s="278" t="s">
        <v>67</v>
      </c>
      <c r="B39" s="310"/>
      <c r="C39" s="147">
        <v>11.18</v>
      </c>
      <c r="D39" s="148"/>
      <c r="E39" s="149">
        <v>0.12</v>
      </c>
      <c r="F39" s="147">
        <v>11.73</v>
      </c>
      <c r="G39" s="148"/>
      <c r="H39" s="149">
        <v>0.55000000000000004</v>
      </c>
      <c r="I39" s="149">
        <v>11.54</v>
      </c>
      <c r="J39" s="149"/>
      <c r="K39" s="149">
        <v>-0.19</v>
      </c>
      <c r="L39" s="149">
        <v>11.82</v>
      </c>
      <c r="M39" s="149"/>
      <c r="N39" s="149">
        <v>0.28000000000000003</v>
      </c>
      <c r="O39" s="150">
        <v>11.85</v>
      </c>
      <c r="P39" s="151"/>
      <c r="Q39" s="152">
        <v>0.03</v>
      </c>
      <c r="W39" s="351"/>
    </row>
    <row r="40" spans="1:23" ht="21.75" customHeight="1" thickTop="1" thickBot="1" x14ac:dyDescent="0.25">
      <c r="A40" s="278" t="s">
        <v>65</v>
      </c>
      <c r="B40" s="310"/>
      <c r="C40" s="147">
        <v>12.74</v>
      </c>
      <c r="D40" s="148"/>
      <c r="E40" s="149">
        <v>-0.27</v>
      </c>
      <c r="F40" s="147">
        <v>13.27</v>
      </c>
      <c r="G40" s="148"/>
      <c r="H40" s="149">
        <v>0.53</v>
      </c>
      <c r="I40" s="149">
        <v>12.28</v>
      </c>
      <c r="J40" s="149"/>
      <c r="K40" s="149">
        <v>-0.99</v>
      </c>
      <c r="L40" s="149">
        <v>12.75</v>
      </c>
      <c r="M40" s="149"/>
      <c r="N40" s="149">
        <v>0.47</v>
      </c>
      <c r="O40" s="150">
        <v>12.74</v>
      </c>
      <c r="P40" s="151"/>
      <c r="Q40" s="152">
        <v>-0.01</v>
      </c>
      <c r="W40" s="351"/>
    </row>
    <row r="41" spans="1:23" ht="21.75" customHeight="1" thickTop="1" thickBot="1" x14ac:dyDescent="0.25">
      <c r="A41" s="276" t="s">
        <v>62</v>
      </c>
      <c r="B41" s="308"/>
      <c r="C41" s="153">
        <v>11.24</v>
      </c>
      <c r="D41" s="154"/>
      <c r="E41" s="155">
        <v>0.11</v>
      </c>
      <c r="F41" s="153">
        <v>11.78</v>
      </c>
      <c r="G41" s="154"/>
      <c r="H41" s="155">
        <v>0.54</v>
      </c>
      <c r="I41" s="155">
        <v>11.56</v>
      </c>
      <c r="J41" s="155"/>
      <c r="K41" s="155">
        <v>-0.22</v>
      </c>
      <c r="L41" s="155">
        <v>11.85</v>
      </c>
      <c r="M41" s="155"/>
      <c r="N41" s="155">
        <v>0.28999999999999998</v>
      </c>
      <c r="O41" s="156">
        <v>11.88</v>
      </c>
      <c r="P41" s="157"/>
      <c r="Q41" s="158">
        <v>0.03</v>
      </c>
      <c r="W41" s="351"/>
    </row>
    <row r="42" spans="1:23" ht="12" x14ac:dyDescent="0.15">
      <c r="Q42" s="350"/>
      <c r="W42" s="351"/>
    </row>
    <row r="43" spans="1:23" x14ac:dyDescent="0.15">
      <c r="A43" s="331"/>
    </row>
    <row r="47" spans="1:23" x14ac:dyDescent="0.15">
      <c r="A47" s="331"/>
    </row>
  </sheetData>
  <mergeCells count="9">
    <mergeCell ref="A41:B41"/>
    <mergeCell ref="A3:B5"/>
    <mergeCell ref="A39:B39"/>
    <mergeCell ref="A40:B40"/>
    <mergeCell ref="O3:Q3"/>
    <mergeCell ref="C3:E3"/>
    <mergeCell ref="F3:H3"/>
    <mergeCell ref="I3:K3"/>
    <mergeCell ref="L3:N3"/>
  </mergeCells>
  <phoneticPr fontId="8"/>
  <printOptions horizontalCentered="1" gridLinesSet="0"/>
  <pageMargins left="0.59055118110236227" right="0.59055118110236227" top="0.59055118110236227" bottom="0.59055118110236227" header="0.31496062992125984" footer="0.31496062992125984"/>
  <pageSetup paperSize="9" scale="90" orientation="portrait" blackAndWhite="1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/>
  <dimension ref="A1:W85"/>
  <sheetViews>
    <sheetView zoomScaleNormal="100" zoomScaleSheetLayoutView="100" workbookViewId="0">
      <pane xSplit="2" ySplit="5" topLeftCell="C6" activePane="bottomRight" state="frozen"/>
      <selection pane="topRight" activeCell="O1" sqref="O1"/>
      <selection pane="bottomLeft" activeCell="A6" sqref="A6"/>
      <selection pane="bottomRight"/>
    </sheetView>
  </sheetViews>
  <sheetFormatPr defaultColWidth="9" defaultRowHeight="10.8" x14ac:dyDescent="0.15"/>
  <cols>
    <col min="1" max="1" width="3.6640625" style="159" customWidth="1"/>
    <col min="2" max="2" width="10" style="159" customWidth="1"/>
    <col min="3" max="3" width="10.6640625" style="160" customWidth="1"/>
    <col min="4" max="4" width="6.6640625" style="160" customWidth="1"/>
    <col min="5" max="5" width="10.6640625" style="160" customWidth="1"/>
    <col min="6" max="6" width="6.6640625" style="160" customWidth="1"/>
    <col min="7" max="7" width="10.6640625" style="160" customWidth="1"/>
    <col min="8" max="8" width="6.6640625" style="160" customWidth="1"/>
    <col min="9" max="9" width="10.6640625" style="160" customWidth="1"/>
    <col min="10" max="10" width="6.6640625" style="160" customWidth="1"/>
    <col min="11" max="11" width="10.6640625" style="159" customWidth="1"/>
    <col min="12" max="12" width="6.6640625" style="160" customWidth="1"/>
    <col min="13" max="13" width="7.44140625" style="159" bestFit="1" customWidth="1"/>
    <col min="14" max="14" width="16.44140625" style="8" bestFit="1" customWidth="1"/>
    <col min="15" max="15" width="13.33203125" style="8" bestFit="1" customWidth="1"/>
    <col min="16" max="16" width="9.33203125" style="8" bestFit="1" customWidth="1"/>
    <col min="17" max="17" width="19.21875" style="8" bestFit="1" customWidth="1"/>
    <col min="18" max="18" width="9.109375" style="8" bestFit="1" customWidth="1"/>
    <col min="19" max="19" width="3.88671875" style="8" bestFit="1" customWidth="1"/>
    <col min="20" max="20" width="22.6640625" style="8" bestFit="1" customWidth="1"/>
    <col min="21" max="21" width="16.44140625" style="8" bestFit="1" customWidth="1"/>
    <col min="22" max="22" width="13.33203125" style="159" bestFit="1" customWidth="1"/>
    <col min="23" max="16384" width="9" style="159"/>
  </cols>
  <sheetData>
    <row r="1" spans="1:23" ht="16.5" customHeight="1" x14ac:dyDescent="0.2">
      <c r="A1" s="19" t="s">
        <v>78</v>
      </c>
    </row>
    <row r="2" spans="1:23" ht="18.75" customHeight="1" thickBot="1" x14ac:dyDescent="0.25">
      <c r="B2" s="161" t="s">
        <v>79</v>
      </c>
      <c r="O2" s="334"/>
      <c r="P2" s="334"/>
      <c r="R2" s="191"/>
    </row>
    <row r="3" spans="1:23" s="355" customFormat="1" ht="15" customHeight="1" x14ac:dyDescent="0.15">
      <c r="A3" s="313" t="s">
        <v>0</v>
      </c>
      <c r="B3" s="283"/>
      <c r="C3" s="306" t="s">
        <v>85</v>
      </c>
      <c r="D3" s="307"/>
      <c r="E3" s="306" t="s">
        <v>92</v>
      </c>
      <c r="F3" s="283"/>
      <c r="G3" s="306" t="s">
        <v>93</v>
      </c>
      <c r="H3" s="283"/>
      <c r="I3" s="306" t="s">
        <v>88</v>
      </c>
      <c r="J3" s="283"/>
      <c r="K3" s="314" t="s">
        <v>98</v>
      </c>
      <c r="L3" s="304"/>
      <c r="M3" s="9"/>
      <c r="N3" s="352"/>
      <c r="O3" s="352"/>
      <c r="P3" s="352"/>
      <c r="Q3" s="353"/>
      <c r="R3" s="352"/>
      <c r="S3" s="352"/>
      <c r="T3" s="353"/>
      <c r="U3" s="354"/>
      <c r="V3" s="352"/>
      <c r="W3" s="352"/>
    </row>
    <row r="4" spans="1:23" ht="12.75" customHeight="1" x14ac:dyDescent="0.15">
      <c r="A4" s="284"/>
      <c r="B4" s="285"/>
      <c r="C4" s="162" t="s">
        <v>55</v>
      </c>
      <c r="D4" s="11" t="s">
        <v>47</v>
      </c>
      <c r="E4" s="162" t="s">
        <v>70</v>
      </c>
      <c r="F4" s="11" t="s">
        <v>47</v>
      </c>
      <c r="G4" s="162" t="s">
        <v>55</v>
      </c>
      <c r="H4" s="11" t="s">
        <v>47</v>
      </c>
      <c r="I4" s="162" t="s">
        <v>70</v>
      </c>
      <c r="J4" s="11" t="s">
        <v>47</v>
      </c>
      <c r="K4" s="162" t="s">
        <v>70</v>
      </c>
      <c r="L4" s="14" t="s">
        <v>47</v>
      </c>
      <c r="Q4" s="353"/>
      <c r="R4" s="356"/>
      <c r="S4" s="356"/>
      <c r="T4" s="353"/>
    </row>
    <row r="5" spans="1:23" s="7" customFormat="1" ht="12.75" customHeight="1" x14ac:dyDescent="0.15">
      <c r="A5" s="284"/>
      <c r="B5" s="285"/>
      <c r="C5" s="13" t="s">
        <v>53</v>
      </c>
      <c r="D5" s="12" t="s">
        <v>50</v>
      </c>
      <c r="E5" s="13" t="s">
        <v>71</v>
      </c>
      <c r="F5" s="12" t="s">
        <v>50</v>
      </c>
      <c r="G5" s="13" t="s">
        <v>53</v>
      </c>
      <c r="H5" s="12" t="s">
        <v>50</v>
      </c>
      <c r="I5" s="13" t="s">
        <v>71</v>
      </c>
      <c r="J5" s="12" t="s">
        <v>50</v>
      </c>
      <c r="K5" s="13" t="s">
        <v>71</v>
      </c>
      <c r="L5" s="4" t="s">
        <v>50</v>
      </c>
      <c r="N5" s="350"/>
      <c r="O5" s="350"/>
      <c r="P5" s="350"/>
      <c r="Q5" s="350"/>
      <c r="R5" s="350"/>
      <c r="S5" s="350"/>
      <c r="T5" s="350"/>
      <c r="U5" s="350"/>
    </row>
    <row r="6" spans="1:23" ht="19.5" customHeight="1" x14ac:dyDescent="0.15">
      <c r="A6" s="163">
        <v>1</v>
      </c>
      <c r="B6" s="164" t="s">
        <v>3</v>
      </c>
      <c r="C6" s="165">
        <v>94.55</v>
      </c>
      <c r="D6" s="165">
        <v>5</v>
      </c>
      <c r="E6" s="165">
        <v>95.06</v>
      </c>
      <c r="F6" s="165">
        <v>4</v>
      </c>
      <c r="G6" s="165">
        <v>95.3</v>
      </c>
      <c r="H6" s="165">
        <v>5</v>
      </c>
      <c r="I6" s="166">
        <v>94.94</v>
      </c>
      <c r="J6" s="165">
        <v>6</v>
      </c>
      <c r="K6" s="167">
        <v>95.74</v>
      </c>
      <c r="L6" s="168">
        <v>6</v>
      </c>
      <c r="N6" s="357"/>
      <c r="O6" s="17"/>
      <c r="P6" s="17"/>
      <c r="Q6" s="357"/>
      <c r="R6" s="17"/>
      <c r="S6" s="17"/>
      <c r="T6" s="357"/>
      <c r="U6" s="357"/>
      <c r="V6" s="18"/>
      <c r="W6" s="358"/>
    </row>
    <row r="7" spans="1:23" ht="19.5" customHeight="1" x14ac:dyDescent="0.15">
      <c r="A7" s="169">
        <v>2</v>
      </c>
      <c r="B7" s="164" t="s">
        <v>5</v>
      </c>
      <c r="C7" s="165">
        <v>94.12</v>
      </c>
      <c r="D7" s="165">
        <v>7</v>
      </c>
      <c r="E7" s="165">
        <v>94.16</v>
      </c>
      <c r="F7" s="165">
        <v>10</v>
      </c>
      <c r="G7" s="165">
        <v>94.66</v>
      </c>
      <c r="H7" s="165">
        <v>6</v>
      </c>
      <c r="I7" s="166">
        <v>94.12</v>
      </c>
      <c r="J7" s="165">
        <v>10</v>
      </c>
      <c r="K7" s="167">
        <v>94.76</v>
      </c>
      <c r="L7" s="168">
        <v>13</v>
      </c>
      <c r="N7" s="357"/>
      <c r="O7" s="17"/>
      <c r="P7" s="17"/>
      <c r="Q7" s="357"/>
      <c r="R7" s="17"/>
      <c r="S7" s="17"/>
      <c r="T7" s="357"/>
      <c r="U7" s="357"/>
      <c r="V7" s="18"/>
      <c r="W7" s="358"/>
    </row>
    <row r="8" spans="1:23" ht="19.5" customHeight="1" x14ac:dyDescent="0.15">
      <c r="A8" s="169">
        <v>3</v>
      </c>
      <c r="B8" s="164" t="s">
        <v>6</v>
      </c>
      <c r="C8" s="165">
        <v>90.27</v>
      </c>
      <c r="D8" s="165">
        <v>27</v>
      </c>
      <c r="E8" s="165">
        <v>90.69</v>
      </c>
      <c r="F8" s="165">
        <v>29</v>
      </c>
      <c r="G8" s="165">
        <v>90.28</v>
      </c>
      <c r="H8" s="165">
        <v>32</v>
      </c>
      <c r="I8" s="166">
        <v>90.15</v>
      </c>
      <c r="J8" s="165">
        <v>31</v>
      </c>
      <c r="K8" s="167">
        <v>91.34</v>
      </c>
      <c r="L8" s="168">
        <v>30</v>
      </c>
      <c r="N8" s="357"/>
      <c r="O8" s="17"/>
      <c r="P8" s="17"/>
      <c r="Q8" s="357"/>
      <c r="R8" s="17"/>
      <c r="S8" s="17"/>
      <c r="T8" s="357"/>
      <c r="U8" s="357"/>
      <c r="V8" s="18"/>
      <c r="W8" s="358"/>
    </row>
    <row r="9" spans="1:23" ht="19.5" customHeight="1" x14ac:dyDescent="0.15">
      <c r="A9" s="169">
        <v>4</v>
      </c>
      <c r="B9" s="164" t="s">
        <v>7</v>
      </c>
      <c r="C9" s="165">
        <v>89.44</v>
      </c>
      <c r="D9" s="165">
        <v>30</v>
      </c>
      <c r="E9" s="165">
        <v>90.44</v>
      </c>
      <c r="F9" s="165">
        <v>31</v>
      </c>
      <c r="G9" s="165">
        <v>90.95</v>
      </c>
      <c r="H9" s="165">
        <v>29</v>
      </c>
      <c r="I9" s="166">
        <v>91.08</v>
      </c>
      <c r="J9" s="165">
        <v>28</v>
      </c>
      <c r="K9" s="167">
        <v>92.85</v>
      </c>
      <c r="L9" s="168">
        <v>20</v>
      </c>
      <c r="N9" s="357"/>
      <c r="O9" s="17"/>
      <c r="P9" s="17"/>
      <c r="Q9" s="357"/>
      <c r="R9" s="17"/>
      <c r="S9" s="17"/>
      <c r="T9" s="357"/>
      <c r="U9" s="357"/>
      <c r="V9" s="18"/>
      <c r="W9" s="358"/>
    </row>
    <row r="10" spans="1:23" ht="19.5" customHeight="1" x14ac:dyDescent="0.15">
      <c r="A10" s="169">
        <v>5</v>
      </c>
      <c r="B10" s="164" t="s">
        <v>8</v>
      </c>
      <c r="C10" s="165">
        <v>94.06</v>
      </c>
      <c r="D10" s="165">
        <v>8</v>
      </c>
      <c r="E10" s="165">
        <v>94.65</v>
      </c>
      <c r="F10" s="165">
        <v>6</v>
      </c>
      <c r="G10" s="165">
        <v>94.37</v>
      </c>
      <c r="H10" s="165">
        <v>8</v>
      </c>
      <c r="I10" s="166">
        <v>93.67</v>
      </c>
      <c r="J10" s="165">
        <v>14</v>
      </c>
      <c r="K10" s="167">
        <v>95.72</v>
      </c>
      <c r="L10" s="168">
        <v>7</v>
      </c>
      <c r="N10" s="357"/>
      <c r="O10" s="17"/>
      <c r="P10" s="17"/>
      <c r="Q10" s="357"/>
      <c r="R10" s="17"/>
      <c r="S10" s="17"/>
      <c r="T10" s="357"/>
      <c r="U10" s="357"/>
      <c r="V10" s="18"/>
      <c r="W10" s="358"/>
    </row>
    <row r="11" spans="1:23" ht="19.5" customHeight="1" x14ac:dyDescent="0.15">
      <c r="A11" s="169">
        <v>6</v>
      </c>
      <c r="B11" s="164" t="s">
        <v>9</v>
      </c>
      <c r="C11" s="165">
        <v>91.19</v>
      </c>
      <c r="D11" s="165">
        <v>24</v>
      </c>
      <c r="E11" s="165">
        <v>91.62</v>
      </c>
      <c r="F11" s="165">
        <v>23</v>
      </c>
      <c r="G11" s="165">
        <v>91.78</v>
      </c>
      <c r="H11" s="165">
        <v>23</v>
      </c>
      <c r="I11" s="166">
        <v>91.97</v>
      </c>
      <c r="J11" s="165">
        <v>23</v>
      </c>
      <c r="K11" s="167">
        <v>92.65</v>
      </c>
      <c r="L11" s="168">
        <v>23</v>
      </c>
      <c r="N11" s="357"/>
      <c r="O11" s="17"/>
      <c r="P11" s="17"/>
      <c r="Q11" s="357"/>
      <c r="R11" s="17"/>
      <c r="S11" s="17"/>
      <c r="T11" s="357"/>
      <c r="U11" s="357"/>
      <c r="V11" s="18"/>
      <c r="W11" s="358"/>
    </row>
    <row r="12" spans="1:23" ht="19.5" customHeight="1" x14ac:dyDescent="0.15">
      <c r="A12" s="169">
        <v>7</v>
      </c>
      <c r="B12" s="164" t="s">
        <v>10</v>
      </c>
      <c r="C12" s="165">
        <v>92.83</v>
      </c>
      <c r="D12" s="165">
        <v>12</v>
      </c>
      <c r="E12" s="165">
        <v>93.52</v>
      </c>
      <c r="F12" s="165">
        <v>12</v>
      </c>
      <c r="G12" s="165">
        <v>94.39</v>
      </c>
      <c r="H12" s="165">
        <v>7</v>
      </c>
      <c r="I12" s="166">
        <v>94.17</v>
      </c>
      <c r="J12" s="165">
        <v>9</v>
      </c>
      <c r="K12" s="167">
        <v>95.1</v>
      </c>
      <c r="L12" s="168">
        <v>10</v>
      </c>
      <c r="N12" s="357"/>
      <c r="O12" s="17"/>
      <c r="P12" s="17"/>
      <c r="Q12" s="357"/>
      <c r="R12" s="17"/>
      <c r="S12" s="17"/>
      <c r="T12" s="357"/>
      <c r="U12" s="357"/>
      <c r="V12" s="18"/>
      <c r="W12" s="358"/>
    </row>
    <row r="13" spans="1:23" ht="19.5" customHeight="1" x14ac:dyDescent="0.15">
      <c r="A13" s="169">
        <v>8</v>
      </c>
      <c r="B13" s="164" t="s">
        <v>11</v>
      </c>
      <c r="C13" s="165">
        <v>92.19</v>
      </c>
      <c r="D13" s="165">
        <v>18</v>
      </c>
      <c r="E13" s="165">
        <v>92.42</v>
      </c>
      <c r="F13" s="165">
        <v>21</v>
      </c>
      <c r="G13" s="165">
        <v>92.66</v>
      </c>
      <c r="H13" s="165">
        <v>19</v>
      </c>
      <c r="I13" s="166">
        <v>92.04</v>
      </c>
      <c r="J13" s="165">
        <v>22</v>
      </c>
      <c r="K13" s="167">
        <v>93.08</v>
      </c>
      <c r="L13" s="168">
        <v>19</v>
      </c>
      <c r="N13" s="357"/>
      <c r="O13" s="17"/>
      <c r="P13" s="17"/>
      <c r="Q13" s="357"/>
      <c r="R13" s="17"/>
      <c r="S13" s="17"/>
      <c r="T13" s="357"/>
      <c r="U13" s="357"/>
      <c r="V13" s="18"/>
      <c r="W13" s="358"/>
    </row>
    <row r="14" spans="1:23" ht="19.5" customHeight="1" x14ac:dyDescent="0.15">
      <c r="A14" s="169">
        <v>9</v>
      </c>
      <c r="B14" s="164" t="s">
        <v>12</v>
      </c>
      <c r="C14" s="165">
        <v>92.25</v>
      </c>
      <c r="D14" s="165">
        <v>16</v>
      </c>
      <c r="E14" s="165">
        <v>92.5</v>
      </c>
      <c r="F14" s="165">
        <v>18</v>
      </c>
      <c r="G14" s="165">
        <v>92.34</v>
      </c>
      <c r="H14" s="165">
        <v>21</v>
      </c>
      <c r="I14" s="166">
        <v>93.27</v>
      </c>
      <c r="J14" s="165">
        <v>18</v>
      </c>
      <c r="K14" s="167">
        <v>94.62</v>
      </c>
      <c r="L14" s="168">
        <v>14</v>
      </c>
      <c r="N14" s="357"/>
      <c r="O14" s="17"/>
      <c r="P14" s="17"/>
      <c r="Q14" s="357"/>
      <c r="R14" s="17"/>
      <c r="S14" s="17"/>
      <c r="T14" s="357"/>
      <c r="U14" s="357"/>
      <c r="V14" s="18"/>
      <c r="W14" s="358"/>
    </row>
    <row r="15" spans="1:23" ht="19.5" customHeight="1" x14ac:dyDescent="0.15">
      <c r="A15" s="169">
        <v>10</v>
      </c>
      <c r="B15" s="164" t="s">
        <v>13</v>
      </c>
      <c r="C15" s="165">
        <v>88.86</v>
      </c>
      <c r="D15" s="165">
        <v>32</v>
      </c>
      <c r="E15" s="165">
        <v>89.19</v>
      </c>
      <c r="F15" s="165">
        <v>33</v>
      </c>
      <c r="G15" s="165">
        <v>90.58</v>
      </c>
      <c r="H15" s="165">
        <v>31</v>
      </c>
      <c r="I15" s="166">
        <v>90.92</v>
      </c>
      <c r="J15" s="165">
        <v>29</v>
      </c>
      <c r="K15" s="167">
        <v>92.11</v>
      </c>
      <c r="L15" s="168">
        <v>27</v>
      </c>
      <c r="N15" s="357"/>
      <c r="O15" s="17"/>
      <c r="P15" s="17"/>
      <c r="Q15" s="357"/>
      <c r="R15" s="17"/>
      <c r="S15" s="17"/>
      <c r="T15" s="357"/>
      <c r="U15" s="357"/>
      <c r="V15" s="18"/>
      <c r="W15" s="358"/>
    </row>
    <row r="16" spans="1:23" ht="19.5" customHeight="1" x14ac:dyDescent="0.15">
      <c r="A16" s="169">
        <v>11</v>
      </c>
      <c r="B16" s="164" t="s">
        <v>14</v>
      </c>
      <c r="C16" s="165">
        <v>90.38</v>
      </c>
      <c r="D16" s="165">
        <v>26</v>
      </c>
      <c r="E16" s="165">
        <v>91.16</v>
      </c>
      <c r="F16" s="165">
        <v>25</v>
      </c>
      <c r="G16" s="165">
        <v>91</v>
      </c>
      <c r="H16" s="165">
        <v>28</v>
      </c>
      <c r="I16" s="166">
        <v>91.11</v>
      </c>
      <c r="J16" s="165">
        <v>26</v>
      </c>
      <c r="K16" s="167">
        <v>91.94</v>
      </c>
      <c r="L16" s="168">
        <v>28</v>
      </c>
      <c r="N16" s="357"/>
      <c r="O16" s="17"/>
      <c r="P16" s="17"/>
      <c r="Q16" s="357"/>
      <c r="R16" s="17"/>
      <c r="S16" s="17"/>
      <c r="T16" s="357"/>
      <c r="U16" s="357"/>
      <c r="V16" s="18"/>
      <c r="W16" s="358"/>
    </row>
    <row r="17" spans="1:23" ht="19.5" customHeight="1" x14ac:dyDescent="0.15">
      <c r="A17" s="169">
        <v>12</v>
      </c>
      <c r="B17" s="164" t="s">
        <v>15</v>
      </c>
      <c r="C17" s="166">
        <v>91.48</v>
      </c>
      <c r="D17" s="165">
        <v>23</v>
      </c>
      <c r="E17" s="166">
        <v>91.39</v>
      </c>
      <c r="F17" s="165">
        <v>24</v>
      </c>
      <c r="G17" s="165">
        <v>91.7</v>
      </c>
      <c r="H17" s="165">
        <v>24</v>
      </c>
      <c r="I17" s="166">
        <v>91.11</v>
      </c>
      <c r="J17" s="165">
        <v>26</v>
      </c>
      <c r="K17" s="167">
        <v>91.51</v>
      </c>
      <c r="L17" s="168">
        <v>29</v>
      </c>
      <c r="N17" s="357"/>
      <c r="O17" s="17"/>
      <c r="P17" s="17"/>
      <c r="Q17" s="357"/>
      <c r="R17" s="17"/>
      <c r="S17" s="17"/>
      <c r="T17" s="357"/>
      <c r="U17" s="357"/>
      <c r="V17" s="18"/>
      <c r="W17" s="358"/>
    </row>
    <row r="18" spans="1:23" ht="19.5" customHeight="1" x14ac:dyDescent="0.15">
      <c r="A18" s="169">
        <v>13</v>
      </c>
      <c r="B18" s="164" t="s">
        <v>16</v>
      </c>
      <c r="C18" s="165">
        <v>90.21</v>
      </c>
      <c r="D18" s="165">
        <v>28</v>
      </c>
      <c r="E18" s="165">
        <v>90.85</v>
      </c>
      <c r="F18" s="165">
        <v>27</v>
      </c>
      <c r="G18" s="165">
        <v>92.1</v>
      </c>
      <c r="H18" s="165">
        <v>22</v>
      </c>
      <c r="I18" s="166">
        <v>93.31</v>
      </c>
      <c r="J18" s="165">
        <v>17</v>
      </c>
      <c r="K18" s="167">
        <v>93.89</v>
      </c>
      <c r="L18" s="168">
        <v>18</v>
      </c>
      <c r="N18" s="357"/>
      <c r="O18" s="17"/>
      <c r="P18" s="17"/>
      <c r="Q18" s="357"/>
      <c r="R18" s="17"/>
      <c r="S18" s="17"/>
      <c r="T18" s="357"/>
      <c r="U18" s="357"/>
      <c r="V18" s="18"/>
      <c r="W18" s="358"/>
    </row>
    <row r="19" spans="1:23" ht="19.5" customHeight="1" x14ac:dyDescent="0.15">
      <c r="A19" s="169">
        <v>14</v>
      </c>
      <c r="B19" s="164" t="s">
        <v>17</v>
      </c>
      <c r="C19" s="165">
        <v>89.13</v>
      </c>
      <c r="D19" s="165">
        <v>31</v>
      </c>
      <c r="E19" s="165">
        <v>89.3</v>
      </c>
      <c r="F19" s="165">
        <v>32</v>
      </c>
      <c r="G19" s="165">
        <v>89.64</v>
      </c>
      <c r="H19" s="165">
        <v>33</v>
      </c>
      <c r="I19" s="166">
        <v>89.37</v>
      </c>
      <c r="J19" s="165">
        <v>33</v>
      </c>
      <c r="K19" s="167">
        <v>90.01</v>
      </c>
      <c r="L19" s="168">
        <v>33</v>
      </c>
      <c r="N19" s="357"/>
      <c r="O19" s="17"/>
      <c r="P19" s="17"/>
      <c r="Q19" s="357"/>
      <c r="R19" s="17"/>
      <c r="S19" s="17"/>
      <c r="T19" s="357"/>
      <c r="U19" s="357"/>
      <c r="V19" s="18"/>
      <c r="W19" s="358"/>
    </row>
    <row r="20" spans="1:23" ht="19.5" customHeight="1" x14ac:dyDescent="0.15">
      <c r="A20" s="169">
        <v>15</v>
      </c>
      <c r="B20" s="164" t="s">
        <v>18</v>
      </c>
      <c r="C20" s="165">
        <v>91.19</v>
      </c>
      <c r="D20" s="165">
        <v>24</v>
      </c>
      <c r="E20" s="165">
        <v>91.93</v>
      </c>
      <c r="F20" s="165">
        <v>22</v>
      </c>
      <c r="G20" s="165">
        <v>93.11</v>
      </c>
      <c r="H20" s="165">
        <v>17</v>
      </c>
      <c r="I20" s="166">
        <v>93.47</v>
      </c>
      <c r="J20" s="165">
        <v>16</v>
      </c>
      <c r="K20" s="167">
        <v>94.41</v>
      </c>
      <c r="L20" s="168">
        <v>15</v>
      </c>
      <c r="N20" s="357"/>
      <c r="O20" s="17"/>
      <c r="P20" s="17"/>
      <c r="Q20" s="357"/>
      <c r="R20" s="17"/>
      <c r="S20" s="17"/>
      <c r="T20" s="357"/>
      <c r="U20" s="357"/>
      <c r="V20" s="18"/>
      <c r="W20" s="358"/>
    </row>
    <row r="21" spans="1:23" ht="19.5" customHeight="1" x14ac:dyDescent="0.15">
      <c r="A21" s="169">
        <v>16</v>
      </c>
      <c r="B21" s="164" t="s">
        <v>19</v>
      </c>
      <c r="C21" s="165">
        <v>91.72</v>
      </c>
      <c r="D21" s="165">
        <v>21</v>
      </c>
      <c r="E21" s="165">
        <v>92.47</v>
      </c>
      <c r="F21" s="165">
        <v>19</v>
      </c>
      <c r="G21" s="165">
        <v>91.42</v>
      </c>
      <c r="H21" s="165">
        <v>26</v>
      </c>
      <c r="I21" s="166">
        <v>90.69</v>
      </c>
      <c r="J21" s="165">
        <v>30</v>
      </c>
      <c r="K21" s="167">
        <v>91.01</v>
      </c>
      <c r="L21" s="168">
        <v>31</v>
      </c>
      <c r="N21" s="357"/>
      <c r="O21" s="17"/>
      <c r="P21" s="17"/>
      <c r="Q21" s="357"/>
      <c r="R21" s="17"/>
      <c r="S21" s="17"/>
      <c r="T21" s="357"/>
      <c r="U21" s="357"/>
      <c r="V21" s="18"/>
      <c r="W21" s="358"/>
    </row>
    <row r="22" spans="1:23" ht="19.5" customHeight="1" x14ac:dyDescent="0.15">
      <c r="A22" s="169">
        <v>17</v>
      </c>
      <c r="B22" s="164" t="s">
        <v>20</v>
      </c>
      <c r="C22" s="165">
        <v>89.53</v>
      </c>
      <c r="D22" s="165">
        <v>29</v>
      </c>
      <c r="E22" s="165">
        <v>90.57</v>
      </c>
      <c r="F22" s="165">
        <v>30</v>
      </c>
      <c r="G22" s="165">
        <v>90.87</v>
      </c>
      <c r="H22" s="165">
        <v>30</v>
      </c>
      <c r="I22" s="166">
        <v>89.82</v>
      </c>
      <c r="J22" s="165">
        <v>32</v>
      </c>
      <c r="K22" s="167">
        <v>90.44</v>
      </c>
      <c r="L22" s="168">
        <v>32</v>
      </c>
      <c r="N22" s="357"/>
      <c r="O22" s="17"/>
      <c r="P22" s="17"/>
      <c r="Q22" s="357"/>
      <c r="R22" s="17"/>
      <c r="S22" s="17"/>
      <c r="T22" s="357"/>
      <c r="U22" s="357"/>
      <c r="V22" s="18"/>
      <c r="W22" s="358"/>
    </row>
    <row r="23" spans="1:23" ht="19.5" customHeight="1" x14ac:dyDescent="0.15">
      <c r="A23" s="169">
        <v>18</v>
      </c>
      <c r="B23" s="164" t="s">
        <v>21</v>
      </c>
      <c r="C23" s="165">
        <v>91.61</v>
      </c>
      <c r="D23" s="165">
        <v>22</v>
      </c>
      <c r="E23" s="165">
        <v>91.01</v>
      </c>
      <c r="F23" s="165">
        <v>26</v>
      </c>
      <c r="G23" s="165">
        <v>91.14</v>
      </c>
      <c r="H23" s="165">
        <v>27</v>
      </c>
      <c r="I23" s="166">
        <v>91.4</v>
      </c>
      <c r="J23" s="165">
        <v>25</v>
      </c>
      <c r="K23" s="167">
        <v>92.42</v>
      </c>
      <c r="L23" s="168">
        <v>25</v>
      </c>
      <c r="N23" s="357"/>
      <c r="O23" s="17"/>
      <c r="P23" s="17"/>
      <c r="Q23" s="357"/>
      <c r="R23" s="17"/>
      <c r="S23" s="17"/>
      <c r="T23" s="357"/>
      <c r="U23" s="357"/>
      <c r="V23" s="18"/>
      <c r="W23" s="358"/>
    </row>
    <row r="24" spans="1:23" ht="19.5" customHeight="1" x14ac:dyDescent="0.15">
      <c r="A24" s="169">
        <v>19</v>
      </c>
      <c r="B24" s="164" t="s">
        <v>23</v>
      </c>
      <c r="C24" s="166">
        <v>93.29</v>
      </c>
      <c r="D24" s="165">
        <v>11</v>
      </c>
      <c r="E24" s="166">
        <v>93.88</v>
      </c>
      <c r="F24" s="165">
        <v>11</v>
      </c>
      <c r="G24" s="165">
        <v>93.95</v>
      </c>
      <c r="H24" s="165">
        <v>13</v>
      </c>
      <c r="I24" s="166">
        <v>93.71</v>
      </c>
      <c r="J24" s="165">
        <v>13</v>
      </c>
      <c r="K24" s="167">
        <v>94.87</v>
      </c>
      <c r="L24" s="168">
        <v>11</v>
      </c>
      <c r="N24" s="357"/>
      <c r="O24" s="17"/>
      <c r="P24" s="17"/>
      <c r="Q24" s="357"/>
      <c r="R24" s="17"/>
      <c r="S24" s="17"/>
      <c r="T24" s="357"/>
      <c r="U24" s="357"/>
      <c r="V24" s="18"/>
      <c r="W24" s="358"/>
    </row>
    <row r="25" spans="1:23" ht="19.5" customHeight="1" x14ac:dyDescent="0.15">
      <c r="A25" s="169">
        <v>20</v>
      </c>
      <c r="B25" s="164" t="s">
        <v>24</v>
      </c>
      <c r="C25" s="165">
        <v>92.23</v>
      </c>
      <c r="D25" s="165">
        <v>17</v>
      </c>
      <c r="E25" s="165">
        <v>92.44</v>
      </c>
      <c r="F25" s="165">
        <v>20</v>
      </c>
      <c r="G25" s="165">
        <v>92.75</v>
      </c>
      <c r="H25" s="165">
        <v>18</v>
      </c>
      <c r="I25" s="166">
        <v>92.05</v>
      </c>
      <c r="J25" s="165">
        <v>21</v>
      </c>
      <c r="K25" s="167">
        <v>92.77</v>
      </c>
      <c r="L25" s="168">
        <v>21</v>
      </c>
      <c r="N25" s="357"/>
      <c r="O25" s="17"/>
      <c r="P25" s="17"/>
      <c r="Q25" s="357"/>
      <c r="R25" s="17"/>
      <c r="S25" s="17"/>
      <c r="T25" s="357"/>
      <c r="U25" s="357"/>
      <c r="V25" s="18"/>
      <c r="W25" s="358"/>
    </row>
    <row r="26" spans="1:23" ht="19.5" customHeight="1" x14ac:dyDescent="0.15">
      <c r="A26" s="169">
        <v>21</v>
      </c>
      <c r="B26" s="164" t="s">
        <v>22</v>
      </c>
      <c r="C26" s="166">
        <v>92.48</v>
      </c>
      <c r="D26" s="165">
        <v>14</v>
      </c>
      <c r="E26" s="166">
        <v>92.81</v>
      </c>
      <c r="F26" s="165">
        <v>15</v>
      </c>
      <c r="G26" s="165">
        <v>92.63</v>
      </c>
      <c r="H26" s="165">
        <v>20</v>
      </c>
      <c r="I26" s="166">
        <v>92.43</v>
      </c>
      <c r="J26" s="165">
        <v>20</v>
      </c>
      <c r="K26" s="167">
        <v>92.29</v>
      </c>
      <c r="L26" s="168">
        <v>26</v>
      </c>
      <c r="N26" s="357"/>
      <c r="O26" s="17"/>
      <c r="P26" s="17"/>
      <c r="Q26" s="357"/>
      <c r="R26" s="17"/>
      <c r="S26" s="17"/>
      <c r="T26" s="357"/>
      <c r="U26" s="357"/>
      <c r="V26" s="18"/>
      <c r="W26" s="358"/>
    </row>
    <row r="27" spans="1:23" ht="19.5" customHeight="1" x14ac:dyDescent="0.15">
      <c r="A27" s="169">
        <v>22</v>
      </c>
      <c r="B27" s="164" t="s">
        <v>25</v>
      </c>
      <c r="C27" s="165">
        <v>93.42</v>
      </c>
      <c r="D27" s="165">
        <v>10</v>
      </c>
      <c r="E27" s="165">
        <v>93.52</v>
      </c>
      <c r="F27" s="165">
        <v>12</v>
      </c>
      <c r="G27" s="165">
        <v>94.06</v>
      </c>
      <c r="H27" s="165">
        <v>11</v>
      </c>
      <c r="I27" s="166">
        <v>94.01</v>
      </c>
      <c r="J27" s="165">
        <v>11</v>
      </c>
      <c r="K27" s="167">
        <v>95.13</v>
      </c>
      <c r="L27" s="168">
        <v>9</v>
      </c>
      <c r="N27" s="357"/>
      <c r="O27" s="17"/>
      <c r="P27" s="17"/>
      <c r="Q27" s="357"/>
      <c r="R27" s="17"/>
      <c r="S27" s="17"/>
      <c r="T27" s="357"/>
      <c r="U27" s="357"/>
      <c r="V27" s="18"/>
      <c r="W27" s="358"/>
    </row>
    <row r="28" spans="1:23" ht="19.5" customHeight="1" x14ac:dyDescent="0.15">
      <c r="A28" s="169">
        <v>23</v>
      </c>
      <c r="B28" s="164" t="s">
        <v>26</v>
      </c>
      <c r="C28" s="165">
        <v>92.74</v>
      </c>
      <c r="D28" s="165">
        <v>13</v>
      </c>
      <c r="E28" s="165">
        <v>93.39</v>
      </c>
      <c r="F28" s="165">
        <v>14</v>
      </c>
      <c r="G28" s="165">
        <v>94</v>
      </c>
      <c r="H28" s="165">
        <v>12</v>
      </c>
      <c r="I28" s="166">
        <v>93.65</v>
      </c>
      <c r="J28" s="165">
        <v>15</v>
      </c>
      <c r="K28" s="167">
        <v>94.09</v>
      </c>
      <c r="L28" s="168">
        <v>16</v>
      </c>
      <c r="N28" s="357"/>
      <c r="O28" s="17"/>
      <c r="P28" s="17"/>
      <c r="Q28" s="357"/>
      <c r="R28" s="17"/>
      <c r="S28" s="17"/>
      <c r="T28" s="357"/>
      <c r="U28" s="357"/>
      <c r="V28" s="18"/>
      <c r="W28" s="358"/>
    </row>
    <row r="29" spans="1:23" ht="19.5" customHeight="1" x14ac:dyDescent="0.15">
      <c r="A29" s="169">
        <v>24</v>
      </c>
      <c r="B29" s="164" t="s">
        <v>27</v>
      </c>
      <c r="C29" s="165">
        <v>96.85</v>
      </c>
      <c r="D29" s="165">
        <v>1</v>
      </c>
      <c r="E29" s="165">
        <v>96.6</v>
      </c>
      <c r="F29" s="165">
        <v>2</v>
      </c>
      <c r="G29" s="165">
        <v>96.71</v>
      </c>
      <c r="H29" s="165">
        <v>1</v>
      </c>
      <c r="I29" s="166">
        <v>96.19</v>
      </c>
      <c r="J29" s="165">
        <v>2</v>
      </c>
      <c r="K29" s="167">
        <v>95.7</v>
      </c>
      <c r="L29" s="168">
        <v>8</v>
      </c>
      <c r="N29" s="357"/>
      <c r="O29" s="17"/>
      <c r="P29" s="17"/>
      <c r="Q29" s="357"/>
      <c r="R29" s="17"/>
      <c r="S29" s="17"/>
      <c r="T29" s="357"/>
      <c r="U29" s="357"/>
      <c r="V29" s="18"/>
      <c r="W29" s="358"/>
    </row>
    <row r="30" spans="1:23" ht="19.5" customHeight="1" x14ac:dyDescent="0.15">
      <c r="A30" s="169">
        <v>25</v>
      </c>
      <c r="B30" s="164" t="s">
        <v>28</v>
      </c>
      <c r="C30" s="165">
        <v>94</v>
      </c>
      <c r="D30" s="165">
        <v>9</v>
      </c>
      <c r="E30" s="165">
        <v>94.34</v>
      </c>
      <c r="F30" s="165">
        <v>9</v>
      </c>
      <c r="G30" s="165">
        <v>94.35</v>
      </c>
      <c r="H30" s="165">
        <v>9</v>
      </c>
      <c r="I30" s="166">
        <v>95.08</v>
      </c>
      <c r="J30" s="165">
        <v>5</v>
      </c>
      <c r="K30" s="167">
        <v>95.76</v>
      </c>
      <c r="L30" s="168">
        <v>5</v>
      </c>
      <c r="N30" s="357"/>
      <c r="O30" s="17"/>
      <c r="P30" s="17"/>
      <c r="Q30" s="357"/>
      <c r="R30" s="17"/>
      <c r="S30" s="17"/>
      <c r="T30" s="357"/>
      <c r="U30" s="357"/>
      <c r="V30" s="18"/>
      <c r="W30" s="358"/>
    </row>
    <row r="31" spans="1:23" ht="19.5" customHeight="1" x14ac:dyDescent="0.15">
      <c r="A31" s="169">
        <v>26</v>
      </c>
      <c r="B31" s="164" t="s">
        <v>29</v>
      </c>
      <c r="C31" s="165">
        <v>95.38</v>
      </c>
      <c r="D31" s="165">
        <v>4</v>
      </c>
      <c r="E31" s="165">
        <v>94.61</v>
      </c>
      <c r="F31" s="165">
        <v>8</v>
      </c>
      <c r="G31" s="165">
        <v>94.29</v>
      </c>
      <c r="H31" s="165">
        <v>10</v>
      </c>
      <c r="I31" s="166">
        <v>96.68</v>
      </c>
      <c r="J31" s="165">
        <v>1</v>
      </c>
      <c r="K31" s="167">
        <v>96.65</v>
      </c>
      <c r="L31" s="168">
        <v>1</v>
      </c>
      <c r="N31" s="357"/>
      <c r="O31" s="17"/>
      <c r="P31" s="17"/>
      <c r="Q31" s="357"/>
      <c r="R31" s="17"/>
      <c r="S31" s="17"/>
      <c r="T31" s="357"/>
      <c r="U31" s="357"/>
      <c r="V31" s="18"/>
      <c r="W31" s="358"/>
    </row>
    <row r="32" spans="1:23" ht="19.5" customHeight="1" x14ac:dyDescent="0.15">
      <c r="A32" s="169">
        <v>27</v>
      </c>
      <c r="B32" s="164" t="s">
        <v>30</v>
      </c>
      <c r="C32" s="165">
        <v>95.59</v>
      </c>
      <c r="D32" s="165">
        <v>2</v>
      </c>
      <c r="E32" s="165">
        <v>94.91</v>
      </c>
      <c r="F32" s="165">
        <v>5</v>
      </c>
      <c r="G32" s="165">
        <v>95.47</v>
      </c>
      <c r="H32" s="165">
        <v>4</v>
      </c>
      <c r="I32" s="166">
        <v>96</v>
      </c>
      <c r="J32" s="165">
        <v>3</v>
      </c>
      <c r="K32" s="167">
        <v>96.1</v>
      </c>
      <c r="L32" s="168">
        <v>3</v>
      </c>
      <c r="N32" s="357"/>
      <c r="O32" s="17"/>
      <c r="P32" s="17"/>
      <c r="Q32" s="357"/>
      <c r="R32" s="17"/>
      <c r="S32" s="17"/>
      <c r="T32" s="357"/>
      <c r="U32" s="357"/>
      <c r="V32" s="18"/>
      <c r="W32" s="358"/>
    </row>
    <row r="33" spans="1:23" ht="19.5" customHeight="1" x14ac:dyDescent="0.15">
      <c r="A33" s="169">
        <v>28</v>
      </c>
      <c r="B33" s="164" t="s">
        <v>31</v>
      </c>
      <c r="C33" s="165">
        <v>94.4</v>
      </c>
      <c r="D33" s="165">
        <v>6</v>
      </c>
      <c r="E33" s="165">
        <v>95.61</v>
      </c>
      <c r="F33" s="165">
        <v>3</v>
      </c>
      <c r="G33" s="165">
        <v>95.55</v>
      </c>
      <c r="H33" s="165">
        <v>3</v>
      </c>
      <c r="I33" s="166">
        <v>94.93</v>
      </c>
      <c r="J33" s="165">
        <v>7</v>
      </c>
      <c r="K33" s="167">
        <v>95.93</v>
      </c>
      <c r="L33" s="168">
        <v>4</v>
      </c>
      <c r="N33" s="357"/>
      <c r="O33" s="17"/>
      <c r="P33" s="17"/>
      <c r="Q33" s="357"/>
      <c r="R33" s="17"/>
      <c r="S33" s="17"/>
      <c r="T33" s="357"/>
      <c r="U33" s="357"/>
      <c r="V33" s="18"/>
      <c r="W33" s="358"/>
    </row>
    <row r="34" spans="1:23" ht="19.5" customHeight="1" x14ac:dyDescent="0.15">
      <c r="A34" s="169">
        <v>29</v>
      </c>
      <c r="B34" s="164" t="s">
        <v>32</v>
      </c>
      <c r="C34" s="165">
        <v>87.17</v>
      </c>
      <c r="D34" s="165">
        <v>33</v>
      </c>
      <c r="E34" s="165">
        <v>90.8</v>
      </c>
      <c r="F34" s="165">
        <v>28</v>
      </c>
      <c r="G34" s="165">
        <v>91.69</v>
      </c>
      <c r="H34" s="165">
        <v>25</v>
      </c>
      <c r="I34" s="166">
        <v>91.67</v>
      </c>
      <c r="J34" s="165">
        <v>24</v>
      </c>
      <c r="K34" s="167">
        <v>92.75</v>
      </c>
      <c r="L34" s="168">
        <v>22</v>
      </c>
      <c r="N34" s="357"/>
      <c r="O34" s="17"/>
      <c r="P34" s="17"/>
      <c r="Q34" s="357"/>
      <c r="R34" s="17"/>
      <c r="S34" s="17"/>
      <c r="T34" s="357"/>
      <c r="U34" s="357"/>
      <c r="V34" s="18"/>
      <c r="W34" s="358"/>
    </row>
    <row r="35" spans="1:23" ht="19.5" customHeight="1" x14ac:dyDescent="0.15">
      <c r="A35" s="169">
        <v>30</v>
      </c>
      <c r="B35" s="164" t="s">
        <v>33</v>
      </c>
      <c r="C35" s="165">
        <v>91.8</v>
      </c>
      <c r="D35" s="165">
        <v>20</v>
      </c>
      <c r="E35" s="165">
        <v>92.56</v>
      </c>
      <c r="F35" s="165">
        <v>16</v>
      </c>
      <c r="G35" s="165">
        <v>93.9</v>
      </c>
      <c r="H35" s="165">
        <v>14</v>
      </c>
      <c r="I35" s="166">
        <v>94.29</v>
      </c>
      <c r="J35" s="165">
        <v>8</v>
      </c>
      <c r="K35" s="167">
        <v>92.6</v>
      </c>
      <c r="L35" s="168">
        <v>24</v>
      </c>
      <c r="N35" s="357"/>
      <c r="O35" s="17"/>
      <c r="P35" s="17"/>
      <c r="Q35" s="357"/>
      <c r="R35" s="17"/>
      <c r="S35" s="17"/>
      <c r="T35" s="357"/>
      <c r="U35" s="357"/>
      <c r="V35" s="18"/>
      <c r="W35" s="358"/>
    </row>
    <row r="36" spans="1:23" ht="19.5" customHeight="1" x14ac:dyDescent="0.15">
      <c r="A36" s="169">
        <v>31</v>
      </c>
      <c r="B36" s="164" t="s">
        <v>34</v>
      </c>
      <c r="C36" s="170">
        <v>92.19</v>
      </c>
      <c r="D36" s="165">
        <v>18</v>
      </c>
      <c r="E36" s="170">
        <v>92.51</v>
      </c>
      <c r="F36" s="165">
        <v>17</v>
      </c>
      <c r="G36" s="165">
        <v>93.84</v>
      </c>
      <c r="H36" s="165">
        <v>15</v>
      </c>
      <c r="I36" s="166">
        <v>93.73</v>
      </c>
      <c r="J36" s="165">
        <v>12</v>
      </c>
      <c r="K36" s="167">
        <v>94.81</v>
      </c>
      <c r="L36" s="168">
        <v>12</v>
      </c>
      <c r="N36" s="357"/>
      <c r="O36" s="17"/>
      <c r="P36" s="17"/>
      <c r="Q36" s="357"/>
      <c r="R36" s="17"/>
      <c r="S36" s="17"/>
      <c r="T36" s="357"/>
      <c r="U36" s="357"/>
      <c r="V36" s="18"/>
      <c r="W36" s="358"/>
    </row>
    <row r="37" spans="1:23" ht="19.5" customHeight="1" x14ac:dyDescent="0.15">
      <c r="A37" s="169">
        <v>32</v>
      </c>
      <c r="B37" s="164" t="s">
        <v>35</v>
      </c>
      <c r="C37" s="165">
        <v>92.45</v>
      </c>
      <c r="D37" s="165">
        <v>15</v>
      </c>
      <c r="E37" s="165">
        <v>94.63</v>
      </c>
      <c r="F37" s="165">
        <v>7</v>
      </c>
      <c r="G37" s="165">
        <v>93.61</v>
      </c>
      <c r="H37" s="165">
        <v>16</v>
      </c>
      <c r="I37" s="166">
        <v>92.67</v>
      </c>
      <c r="J37" s="165">
        <v>19</v>
      </c>
      <c r="K37" s="167">
        <v>94.05</v>
      </c>
      <c r="L37" s="168">
        <v>17</v>
      </c>
      <c r="N37" s="357"/>
      <c r="O37" s="17"/>
      <c r="P37" s="17"/>
      <c r="Q37" s="357"/>
      <c r="R37" s="17"/>
      <c r="S37" s="17"/>
      <c r="T37" s="357"/>
      <c r="U37" s="357"/>
      <c r="V37" s="18"/>
      <c r="W37" s="358"/>
    </row>
    <row r="38" spans="1:23" ht="19.5" customHeight="1" thickBot="1" x14ac:dyDescent="0.2">
      <c r="A38" s="171">
        <v>33</v>
      </c>
      <c r="B38" s="172" t="s">
        <v>36</v>
      </c>
      <c r="C38" s="173">
        <v>95.44</v>
      </c>
      <c r="D38" s="173">
        <v>3</v>
      </c>
      <c r="E38" s="173">
        <v>96.68</v>
      </c>
      <c r="F38" s="173">
        <v>1</v>
      </c>
      <c r="G38" s="173">
        <v>95.72</v>
      </c>
      <c r="H38" s="173">
        <v>2</v>
      </c>
      <c r="I38" s="174">
        <v>95.21</v>
      </c>
      <c r="J38" s="173">
        <v>4</v>
      </c>
      <c r="K38" s="175">
        <v>96.17</v>
      </c>
      <c r="L38" s="176">
        <v>2</v>
      </c>
      <c r="N38" s="357"/>
      <c r="O38" s="17"/>
      <c r="P38" s="17"/>
      <c r="Q38" s="357"/>
      <c r="R38" s="17"/>
      <c r="S38" s="17"/>
      <c r="T38" s="357"/>
      <c r="U38" s="357"/>
      <c r="V38" s="18"/>
      <c r="W38" s="358"/>
    </row>
    <row r="39" spans="1:23" ht="19.5" customHeight="1" thickTop="1" x14ac:dyDescent="0.15">
      <c r="A39" s="177">
        <v>301</v>
      </c>
      <c r="B39" s="178" t="s">
        <v>41</v>
      </c>
      <c r="C39" s="179">
        <v>99.93</v>
      </c>
      <c r="D39" s="179">
        <v>5</v>
      </c>
      <c r="E39" s="179">
        <v>99.96</v>
      </c>
      <c r="F39" s="179">
        <v>5</v>
      </c>
      <c r="G39" s="179">
        <v>99.97</v>
      </c>
      <c r="H39" s="179">
        <v>4</v>
      </c>
      <c r="I39" s="180">
        <v>99.98</v>
      </c>
      <c r="J39" s="179">
        <v>4</v>
      </c>
      <c r="K39" s="181">
        <v>99.98</v>
      </c>
      <c r="L39" s="182">
        <v>5</v>
      </c>
      <c r="N39" s="357"/>
      <c r="O39" s="17"/>
      <c r="P39" s="17"/>
      <c r="Q39" s="357"/>
      <c r="R39" s="17"/>
      <c r="S39" s="357"/>
      <c r="T39" s="357"/>
      <c r="U39" s="357"/>
      <c r="V39" s="18"/>
    </row>
    <row r="40" spans="1:23" ht="19.5" customHeight="1" x14ac:dyDescent="0.15">
      <c r="A40" s="169">
        <v>302</v>
      </c>
      <c r="B40" s="164" t="s">
        <v>42</v>
      </c>
      <c r="C40" s="165">
        <v>99.93</v>
      </c>
      <c r="D40" s="165">
        <v>5</v>
      </c>
      <c r="E40" s="165">
        <v>99.92</v>
      </c>
      <c r="F40" s="165">
        <v>6</v>
      </c>
      <c r="G40" s="165">
        <v>99.83</v>
      </c>
      <c r="H40" s="165">
        <v>6</v>
      </c>
      <c r="I40" s="166">
        <v>99.92</v>
      </c>
      <c r="J40" s="165">
        <v>5</v>
      </c>
      <c r="K40" s="167">
        <v>99.99</v>
      </c>
      <c r="L40" s="168">
        <v>4</v>
      </c>
      <c r="N40" s="357"/>
      <c r="O40" s="17"/>
      <c r="P40" s="17"/>
      <c r="Q40" s="357"/>
      <c r="R40" s="17"/>
      <c r="S40" s="357"/>
      <c r="T40" s="357"/>
      <c r="U40" s="357"/>
      <c r="V40" s="18"/>
    </row>
    <row r="41" spans="1:23" ht="19.5" customHeight="1" x14ac:dyDescent="0.15">
      <c r="A41" s="169">
        <v>303</v>
      </c>
      <c r="B41" s="164" t="s">
        <v>43</v>
      </c>
      <c r="C41" s="165">
        <v>100</v>
      </c>
      <c r="D41" s="165">
        <v>1</v>
      </c>
      <c r="E41" s="165">
        <v>100</v>
      </c>
      <c r="F41" s="165">
        <v>1</v>
      </c>
      <c r="G41" s="165">
        <v>100</v>
      </c>
      <c r="H41" s="165">
        <v>1</v>
      </c>
      <c r="I41" s="166">
        <v>100</v>
      </c>
      <c r="J41" s="165">
        <v>1</v>
      </c>
      <c r="K41" s="167">
        <v>100</v>
      </c>
      <c r="L41" s="168">
        <v>1</v>
      </c>
      <c r="N41" s="357"/>
      <c r="O41" s="17"/>
      <c r="P41" s="17"/>
      <c r="Q41" s="357"/>
      <c r="R41" s="17"/>
      <c r="S41" s="357"/>
      <c r="T41" s="357"/>
      <c r="U41" s="357"/>
      <c r="V41" s="18"/>
    </row>
    <row r="42" spans="1:23" ht="19.5" customHeight="1" x14ac:dyDescent="0.15">
      <c r="A42" s="169">
        <v>304</v>
      </c>
      <c r="B42" s="164" t="s">
        <v>44</v>
      </c>
      <c r="C42" s="166">
        <v>100</v>
      </c>
      <c r="D42" s="165">
        <v>1</v>
      </c>
      <c r="E42" s="166">
        <v>100</v>
      </c>
      <c r="F42" s="165">
        <v>1</v>
      </c>
      <c r="G42" s="165">
        <v>99.88</v>
      </c>
      <c r="H42" s="165">
        <v>5</v>
      </c>
      <c r="I42" s="166">
        <v>99.9</v>
      </c>
      <c r="J42" s="165">
        <v>6</v>
      </c>
      <c r="K42" s="167">
        <v>99.96</v>
      </c>
      <c r="L42" s="168">
        <v>6</v>
      </c>
      <c r="N42" s="357"/>
      <c r="O42" s="17"/>
      <c r="P42" s="17"/>
      <c r="Q42" s="357"/>
      <c r="R42" s="17"/>
      <c r="S42" s="357"/>
      <c r="T42" s="357"/>
      <c r="U42" s="357"/>
      <c r="V42" s="18"/>
    </row>
    <row r="43" spans="1:23" ht="19.5" customHeight="1" x14ac:dyDescent="0.15">
      <c r="A43" s="169">
        <v>305</v>
      </c>
      <c r="B43" s="164" t="s">
        <v>45</v>
      </c>
      <c r="C43" s="166">
        <v>100</v>
      </c>
      <c r="D43" s="165">
        <v>1</v>
      </c>
      <c r="E43" s="166">
        <v>100</v>
      </c>
      <c r="F43" s="165">
        <v>1</v>
      </c>
      <c r="G43" s="165">
        <v>100</v>
      </c>
      <c r="H43" s="165">
        <v>1</v>
      </c>
      <c r="I43" s="166">
        <v>100</v>
      </c>
      <c r="J43" s="165">
        <v>1</v>
      </c>
      <c r="K43" s="167">
        <v>100</v>
      </c>
      <c r="L43" s="168">
        <v>1</v>
      </c>
      <c r="N43" s="357"/>
      <c r="O43" s="17"/>
      <c r="P43" s="17"/>
      <c r="Q43" s="357"/>
      <c r="R43" s="17"/>
      <c r="S43" s="357"/>
      <c r="T43" s="357"/>
      <c r="U43" s="357"/>
      <c r="V43" s="18"/>
    </row>
    <row r="44" spans="1:23" ht="19.5" customHeight="1" thickBot="1" x14ac:dyDescent="0.2">
      <c r="A44" s="171">
        <v>306</v>
      </c>
      <c r="B44" s="172" t="s">
        <v>46</v>
      </c>
      <c r="C44" s="174">
        <v>100</v>
      </c>
      <c r="D44" s="173">
        <v>1</v>
      </c>
      <c r="E44" s="174">
        <v>100</v>
      </c>
      <c r="F44" s="173">
        <v>1</v>
      </c>
      <c r="G44" s="173">
        <v>100</v>
      </c>
      <c r="H44" s="173">
        <v>1</v>
      </c>
      <c r="I44" s="174">
        <v>100</v>
      </c>
      <c r="J44" s="173">
        <v>1</v>
      </c>
      <c r="K44" s="175">
        <v>100</v>
      </c>
      <c r="L44" s="176">
        <v>1</v>
      </c>
      <c r="N44" s="357"/>
      <c r="O44" s="17"/>
      <c r="P44" s="17"/>
      <c r="Q44" s="357"/>
      <c r="R44" s="17"/>
      <c r="S44" s="357"/>
      <c r="T44" s="357"/>
      <c r="U44" s="357"/>
      <c r="V44" s="18"/>
    </row>
    <row r="45" spans="1:23" ht="19.5" customHeight="1" thickTop="1" thickBot="1" x14ac:dyDescent="0.2">
      <c r="A45" s="299" t="s">
        <v>51</v>
      </c>
      <c r="B45" s="300"/>
      <c r="C45" s="183">
        <v>92.76</v>
      </c>
      <c r="D45" s="184"/>
      <c r="E45" s="183">
        <v>93.19</v>
      </c>
      <c r="F45" s="184"/>
      <c r="G45" s="184">
        <v>93.59</v>
      </c>
      <c r="H45" s="184"/>
      <c r="I45" s="183">
        <v>93.36</v>
      </c>
      <c r="J45" s="184"/>
      <c r="K45" s="185">
        <v>94.22</v>
      </c>
      <c r="L45" s="186"/>
      <c r="N45" s="357"/>
      <c r="O45" s="2"/>
      <c r="P45" s="2"/>
      <c r="Q45" s="357"/>
      <c r="R45" s="357"/>
      <c r="S45" s="357"/>
      <c r="T45" s="357"/>
      <c r="U45" s="357"/>
      <c r="V45" s="357"/>
    </row>
    <row r="46" spans="1:23" ht="19.5" customHeight="1" thickTop="1" thickBot="1" x14ac:dyDescent="0.2">
      <c r="A46" s="299" t="s">
        <v>63</v>
      </c>
      <c r="B46" s="300"/>
      <c r="C46" s="184">
        <v>99.98</v>
      </c>
      <c r="D46" s="184"/>
      <c r="E46" s="184">
        <v>99.98</v>
      </c>
      <c r="F46" s="184"/>
      <c r="G46" s="184">
        <v>99.97</v>
      </c>
      <c r="H46" s="184"/>
      <c r="I46" s="183">
        <v>99.98</v>
      </c>
      <c r="J46" s="184"/>
      <c r="K46" s="185">
        <v>99.99</v>
      </c>
      <c r="L46" s="186"/>
      <c r="N46" s="357"/>
      <c r="O46" s="2"/>
      <c r="P46" s="2"/>
      <c r="Q46" s="357"/>
      <c r="R46" s="357"/>
      <c r="S46" s="357"/>
      <c r="T46" s="357"/>
      <c r="U46" s="357"/>
      <c r="V46" s="357"/>
    </row>
    <row r="47" spans="1:23" ht="19.5" customHeight="1" thickTop="1" thickBot="1" x14ac:dyDescent="0.2">
      <c r="A47" s="301" t="s">
        <v>66</v>
      </c>
      <c r="B47" s="302"/>
      <c r="C47" s="187">
        <v>93.49</v>
      </c>
      <c r="D47" s="187"/>
      <c r="E47" s="187">
        <v>93.95</v>
      </c>
      <c r="F47" s="187"/>
      <c r="G47" s="187">
        <v>94.31</v>
      </c>
      <c r="H47" s="187"/>
      <c r="I47" s="188">
        <v>94.13</v>
      </c>
      <c r="J47" s="187"/>
      <c r="K47" s="189">
        <v>94.81</v>
      </c>
      <c r="L47" s="190"/>
      <c r="N47" s="357"/>
      <c r="O47" s="2"/>
      <c r="P47" s="2"/>
      <c r="Q47" s="357"/>
      <c r="R47" s="357"/>
      <c r="S47" s="357"/>
      <c r="T47" s="357"/>
      <c r="U47" s="357"/>
    </row>
    <row r="48" spans="1:23" x14ac:dyDescent="0.15">
      <c r="C48" s="359"/>
      <c r="D48" s="359"/>
      <c r="E48" s="359"/>
      <c r="F48" s="359"/>
      <c r="G48" s="359"/>
      <c r="H48" s="359"/>
      <c r="I48" s="359"/>
      <c r="J48" s="359"/>
      <c r="L48" s="359"/>
      <c r="O48" s="2"/>
      <c r="P48" s="2"/>
      <c r="T48" s="357"/>
    </row>
    <row r="49" spans="1:23" ht="15.75" customHeight="1" x14ac:dyDescent="0.15">
      <c r="C49" s="359"/>
      <c r="D49" s="359"/>
      <c r="E49" s="359"/>
      <c r="F49" s="359"/>
      <c r="G49" s="359"/>
      <c r="H49" s="359"/>
      <c r="I49" s="359"/>
      <c r="J49" s="359"/>
      <c r="L49" s="359"/>
      <c r="O49" s="2"/>
      <c r="P49" s="2"/>
      <c r="T49" s="357"/>
    </row>
    <row r="50" spans="1:23" ht="22.5" customHeight="1" x14ac:dyDescent="0.15">
      <c r="A50" s="338"/>
      <c r="C50" s="359"/>
      <c r="D50" s="359"/>
      <c r="E50" s="359"/>
      <c r="F50" s="359"/>
      <c r="G50" s="359"/>
      <c r="H50" s="359"/>
      <c r="I50" s="359"/>
      <c r="J50" s="359"/>
      <c r="L50" s="359"/>
      <c r="M50" s="360"/>
      <c r="N50" s="361"/>
      <c r="O50" s="2"/>
      <c r="P50" s="2"/>
      <c r="Q50" s="361"/>
      <c r="R50" s="361"/>
      <c r="S50" s="361"/>
      <c r="T50" s="362"/>
      <c r="U50" s="361"/>
    </row>
    <row r="51" spans="1:23" ht="12" x14ac:dyDescent="0.15">
      <c r="C51" s="359"/>
      <c r="D51" s="359"/>
      <c r="E51" s="359"/>
      <c r="F51" s="359"/>
      <c r="G51" s="359"/>
      <c r="H51" s="359"/>
      <c r="I51" s="359"/>
      <c r="J51" s="359"/>
      <c r="L51" s="359"/>
      <c r="M51" s="360"/>
      <c r="N51" s="361"/>
      <c r="O51" s="2"/>
      <c r="P51" s="2"/>
      <c r="Q51" s="361"/>
      <c r="R51" s="361"/>
      <c r="S51" s="361"/>
      <c r="T51" s="362"/>
      <c r="U51" s="361"/>
    </row>
    <row r="52" spans="1:23" x14ac:dyDescent="0.15">
      <c r="C52" s="359"/>
      <c r="D52" s="359"/>
      <c r="E52" s="359"/>
      <c r="F52" s="359"/>
      <c r="G52" s="359"/>
      <c r="H52" s="359"/>
      <c r="I52" s="359"/>
      <c r="J52" s="359"/>
      <c r="L52" s="359"/>
      <c r="O52" s="2"/>
      <c r="P52" s="2"/>
      <c r="T52" s="357"/>
    </row>
    <row r="53" spans="1:23" x14ac:dyDescent="0.15">
      <c r="C53" s="363"/>
      <c r="D53" s="363"/>
      <c r="E53" s="363"/>
      <c r="F53" s="363"/>
      <c r="G53" s="363"/>
      <c r="H53" s="363"/>
      <c r="I53" s="363"/>
      <c r="J53" s="363"/>
      <c r="K53" s="364">
        <v>94.2</v>
      </c>
      <c r="L53" s="363"/>
      <c r="M53" s="364"/>
      <c r="N53" s="365"/>
      <c r="O53" s="2"/>
      <c r="P53" s="2"/>
      <c r="Q53" s="365"/>
      <c r="R53" s="365"/>
      <c r="S53" s="365"/>
      <c r="T53" s="365"/>
      <c r="U53" s="365"/>
      <c r="V53" s="364"/>
      <c r="W53" s="364"/>
    </row>
    <row r="54" spans="1:23" x14ac:dyDescent="0.15">
      <c r="C54" s="363"/>
      <c r="D54" s="363"/>
      <c r="E54" s="363"/>
      <c r="F54" s="363"/>
      <c r="G54" s="363"/>
      <c r="H54" s="363"/>
      <c r="I54" s="363"/>
      <c r="J54" s="363"/>
      <c r="K54" s="364">
        <v>94.04</v>
      </c>
      <c r="L54" s="363"/>
      <c r="M54" s="364"/>
      <c r="N54" s="365"/>
      <c r="O54" s="2"/>
      <c r="P54" s="2"/>
      <c r="Q54" s="365"/>
      <c r="R54" s="365"/>
      <c r="S54" s="365"/>
      <c r="T54" s="365"/>
      <c r="U54" s="365"/>
      <c r="V54" s="364"/>
      <c r="W54" s="364"/>
    </row>
    <row r="55" spans="1:23" x14ac:dyDescent="0.15">
      <c r="C55" s="359"/>
      <c r="D55" s="359"/>
      <c r="E55" s="359"/>
      <c r="F55" s="359"/>
      <c r="G55" s="359"/>
      <c r="H55" s="359"/>
      <c r="I55" s="359"/>
      <c r="J55" s="359"/>
      <c r="L55" s="359"/>
    </row>
    <row r="56" spans="1:23" x14ac:dyDescent="0.15">
      <c r="C56" s="359"/>
      <c r="D56" s="359"/>
      <c r="E56" s="359"/>
      <c r="F56" s="359"/>
      <c r="G56" s="359"/>
      <c r="H56" s="359"/>
      <c r="I56" s="359"/>
      <c r="J56" s="359"/>
      <c r="L56" s="359"/>
    </row>
    <row r="57" spans="1:23" x14ac:dyDescent="0.15">
      <c r="C57" s="359"/>
      <c r="D57" s="359"/>
      <c r="E57" s="359"/>
      <c r="F57" s="359"/>
      <c r="G57" s="359"/>
      <c r="H57" s="359"/>
      <c r="I57" s="359"/>
      <c r="J57" s="359"/>
      <c r="L57" s="359"/>
    </row>
    <row r="58" spans="1:23" x14ac:dyDescent="0.15">
      <c r="L58" s="359"/>
    </row>
    <row r="59" spans="1:23" x14ac:dyDescent="0.15">
      <c r="L59" s="359"/>
    </row>
    <row r="60" spans="1:23" x14ac:dyDescent="0.15">
      <c r="L60" s="359"/>
    </row>
    <row r="61" spans="1:23" x14ac:dyDescent="0.15">
      <c r="L61" s="359"/>
    </row>
    <row r="62" spans="1:23" x14ac:dyDescent="0.15">
      <c r="L62" s="359"/>
    </row>
    <row r="63" spans="1:23" x14ac:dyDescent="0.15">
      <c r="L63" s="359"/>
    </row>
    <row r="64" spans="1:23" x14ac:dyDescent="0.15">
      <c r="L64" s="359"/>
    </row>
    <row r="65" spans="12:12" x14ac:dyDescent="0.15">
      <c r="L65" s="359"/>
    </row>
    <row r="66" spans="12:12" x14ac:dyDescent="0.15">
      <c r="L66" s="359"/>
    </row>
    <row r="67" spans="12:12" x14ac:dyDescent="0.15">
      <c r="L67" s="359"/>
    </row>
    <row r="68" spans="12:12" x14ac:dyDescent="0.15">
      <c r="L68" s="359"/>
    </row>
    <row r="69" spans="12:12" x14ac:dyDescent="0.15">
      <c r="L69" s="359"/>
    </row>
    <row r="70" spans="12:12" x14ac:dyDescent="0.15">
      <c r="L70" s="359"/>
    </row>
    <row r="71" spans="12:12" x14ac:dyDescent="0.15">
      <c r="L71" s="359"/>
    </row>
    <row r="72" spans="12:12" x14ac:dyDescent="0.15">
      <c r="L72" s="359"/>
    </row>
    <row r="73" spans="12:12" x14ac:dyDescent="0.15">
      <c r="L73" s="359"/>
    </row>
    <row r="74" spans="12:12" x14ac:dyDescent="0.15">
      <c r="L74" s="359"/>
    </row>
    <row r="75" spans="12:12" x14ac:dyDescent="0.15">
      <c r="L75" s="359"/>
    </row>
    <row r="76" spans="12:12" x14ac:dyDescent="0.15">
      <c r="L76" s="359"/>
    </row>
    <row r="77" spans="12:12" x14ac:dyDescent="0.15">
      <c r="L77" s="359"/>
    </row>
    <row r="78" spans="12:12" x14ac:dyDescent="0.15">
      <c r="L78" s="359"/>
    </row>
    <row r="79" spans="12:12" x14ac:dyDescent="0.15">
      <c r="L79" s="359"/>
    </row>
    <row r="80" spans="12:12" x14ac:dyDescent="0.15">
      <c r="L80" s="359"/>
    </row>
    <row r="81" spans="12:12" x14ac:dyDescent="0.15">
      <c r="L81" s="359"/>
    </row>
    <row r="82" spans="12:12" x14ac:dyDescent="0.15">
      <c r="L82" s="359"/>
    </row>
    <row r="83" spans="12:12" x14ac:dyDescent="0.15">
      <c r="L83" s="359"/>
    </row>
    <row r="84" spans="12:12" x14ac:dyDescent="0.15">
      <c r="L84" s="359"/>
    </row>
    <row r="85" spans="12:12" x14ac:dyDescent="0.15">
      <c r="L85" s="359"/>
    </row>
  </sheetData>
  <mergeCells count="11">
    <mergeCell ref="A47:B47"/>
    <mergeCell ref="A46:B46"/>
    <mergeCell ref="A45:B45"/>
    <mergeCell ref="A3:B5"/>
    <mergeCell ref="T3:T4"/>
    <mergeCell ref="Q3:Q4"/>
    <mergeCell ref="K3:L3"/>
    <mergeCell ref="C3:D3"/>
    <mergeCell ref="E3:F3"/>
    <mergeCell ref="G3:H3"/>
    <mergeCell ref="I3:J3"/>
  </mergeCells>
  <phoneticPr fontId="8"/>
  <printOptions horizontalCentered="1" gridLinesSet="0"/>
  <pageMargins left="0.59055118110236227" right="0.59055118110236227" top="0.59055118110236227" bottom="0.59055118110236227" header="0.47244094488188981" footer="0.31496062992125984"/>
  <pageSetup paperSize="9" scale="87" orientation="portrait" blackAndWhite="1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W166"/>
  <sheetViews>
    <sheetView zoomScaleNormal="100" zoomScaleSheetLayoutView="100" workbookViewId="0">
      <pane xSplit="2" ySplit="5" topLeftCell="C6" activePane="bottomRight" state="frozen"/>
      <selection pane="topRight" activeCell="C1" sqref="C1"/>
      <selection pane="bottomLeft" activeCell="A6" sqref="A6"/>
      <selection pane="bottomRight"/>
    </sheetView>
  </sheetViews>
  <sheetFormatPr defaultColWidth="9" defaultRowHeight="10.8" x14ac:dyDescent="0.15"/>
  <cols>
    <col min="1" max="1" width="3.6640625" style="8" customWidth="1"/>
    <col min="2" max="2" width="9.88671875" style="8" customWidth="1"/>
    <col min="3" max="3" width="10.6640625" style="191" customWidth="1"/>
    <col min="4" max="4" width="6.6640625" style="191" customWidth="1"/>
    <col min="5" max="5" width="10.6640625" style="191" customWidth="1"/>
    <col min="6" max="6" width="6.6640625" style="191" customWidth="1"/>
    <col min="7" max="7" width="10.6640625" style="191" customWidth="1"/>
    <col min="8" max="8" width="6.6640625" style="191" customWidth="1"/>
    <col min="9" max="9" width="10.6640625" style="191" customWidth="1"/>
    <col min="10" max="10" width="6.6640625" style="191" customWidth="1"/>
    <col min="11" max="11" width="10.6640625" style="8" customWidth="1"/>
    <col min="12" max="12" width="6.6640625" style="191" customWidth="1"/>
    <col min="13" max="13" width="3" style="8" customWidth="1"/>
    <col min="14" max="14" width="12.44140625" style="2" bestFit="1" customWidth="1"/>
    <col min="15" max="15" width="12.33203125" style="2" bestFit="1" customWidth="1"/>
    <col min="16" max="16" width="9.33203125" style="2" bestFit="1" customWidth="1"/>
    <col min="17" max="17" width="11.44140625" style="2" bestFit="1" customWidth="1"/>
    <col min="18" max="18" width="11.33203125" style="2" bestFit="1" customWidth="1"/>
    <col min="19" max="19" width="8.44140625" style="2" bestFit="1" customWidth="1"/>
    <col min="20" max="20" width="15.44140625" style="2" bestFit="1" customWidth="1"/>
    <col min="21" max="22" width="14.88671875" style="2" customWidth="1"/>
    <col min="23" max="23" width="12.44140625" style="2" bestFit="1" customWidth="1"/>
    <col min="24" max="16384" width="9" style="8"/>
  </cols>
  <sheetData>
    <row r="1" spans="1:23" ht="16.5" customHeight="1" x14ac:dyDescent="0.2">
      <c r="A1" s="19" t="s">
        <v>78</v>
      </c>
    </row>
    <row r="2" spans="1:23" ht="15.75" customHeight="1" thickBot="1" x14ac:dyDescent="0.25">
      <c r="B2" s="122" t="s">
        <v>80</v>
      </c>
      <c r="O2" s="334"/>
      <c r="P2" s="334"/>
      <c r="Q2" s="334"/>
      <c r="R2" s="334"/>
      <c r="S2" s="334"/>
      <c r="T2" s="334"/>
      <c r="U2" s="334"/>
    </row>
    <row r="3" spans="1:23" s="349" customFormat="1" ht="16.2" customHeight="1" x14ac:dyDescent="0.2">
      <c r="A3" s="317" t="s">
        <v>0</v>
      </c>
      <c r="B3" s="318"/>
      <c r="C3" s="306" t="s">
        <v>85</v>
      </c>
      <c r="D3" s="307"/>
      <c r="E3" s="306" t="s">
        <v>92</v>
      </c>
      <c r="F3" s="283"/>
      <c r="G3" s="306" t="s">
        <v>93</v>
      </c>
      <c r="H3" s="283"/>
      <c r="I3" s="306" t="s">
        <v>88</v>
      </c>
      <c r="J3" s="283"/>
      <c r="K3" s="306" t="s">
        <v>98</v>
      </c>
      <c r="L3" s="304"/>
      <c r="N3" s="366"/>
      <c r="O3" s="366"/>
      <c r="P3" s="366"/>
      <c r="Q3" s="366"/>
      <c r="R3" s="366"/>
      <c r="S3" s="366"/>
      <c r="T3" s="367"/>
      <c r="U3" s="366"/>
      <c r="V3" s="366"/>
      <c r="W3" s="345"/>
    </row>
    <row r="4" spans="1:23" ht="12.75" customHeight="1" x14ac:dyDescent="0.15">
      <c r="A4" s="319"/>
      <c r="B4" s="320"/>
      <c r="C4" s="192" t="s">
        <v>55</v>
      </c>
      <c r="D4" s="11" t="s">
        <v>47</v>
      </c>
      <c r="E4" s="192" t="s">
        <v>55</v>
      </c>
      <c r="F4" s="11" t="s">
        <v>47</v>
      </c>
      <c r="G4" s="192" t="s">
        <v>55</v>
      </c>
      <c r="H4" s="11" t="s">
        <v>47</v>
      </c>
      <c r="I4" s="192" t="s">
        <v>55</v>
      </c>
      <c r="J4" s="11" t="s">
        <v>47</v>
      </c>
      <c r="K4" s="193" t="s">
        <v>55</v>
      </c>
      <c r="L4" s="14" t="s">
        <v>47</v>
      </c>
    </row>
    <row r="5" spans="1:23" s="350" customFormat="1" ht="12.75" customHeight="1" x14ac:dyDescent="0.15">
      <c r="A5" s="319"/>
      <c r="B5" s="320"/>
      <c r="C5" s="194" t="s">
        <v>53</v>
      </c>
      <c r="D5" s="12" t="s">
        <v>50</v>
      </c>
      <c r="E5" s="194" t="s">
        <v>53</v>
      </c>
      <c r="F5" s="12" t="s">
        <v>50</v>
      </c>
      <c r="G5" s="194" t="s">
        <v>53</v>
      </c>
      <c r="H5" s="12" t="s">
        <v>50</v>
      </c>
      <c r="I5" s="194" t="s">
        <v>53</v>
      </c>
      <c r="J5" s="12" t="s">
        <v>50</v>
      </c>
      <c r="K5" s="195" t="s">
        <v>53</v>
      </c>
      <c r="L5" s="4" t="s">
        <v>50</v>
      </c>
      <c r="N5" s="1"/>
      <c r="O5" s="1"/>
      <c r="P5" s="1"/>
      <c r="Q5" s="1"/>
      <c r="R5" s="1"/>
      <c r="S5" s="1"/>
      <c r="T5" s="1"/>
      <c r="U5" s="1"/>
      <c r="V5" s="1"/>
      <c r="W5" s="1"/>
    </row>
    <row r="6" spans="1:23" ht="19.5" customHeight="1" x14ac:dyDescent="0.15">
      <c r="A6" s="196">
        <v>1</v>
      </c>
      <c r="B6" s="197" t="s">
        <v>3</v>
      </c>
      <c r="C6" s="198">
        <v>23.58</v>
      </c>
      <c r="D6" s="199">
        <v>9</v>
      </c>
      <c r="E6" s="198">
        <v>25.53</v>
      </c>
      <c r="F6" s="199">
        <v>8</v>
      </c>
      <c r="G6" s="200">
        <v>30.17</v>
      </c>
      <c r="H6" s="199">
        <v>5</v>
      </c>
      <c r="I6" s="200">
        <v>33.81</v>
      </c>
      <c r="J6" s="199">
        <v>3</v>
      </c>
      <c r="K6" s="201">
        <v>38.270000000000003</v>
      </c>
      <c r="L6" s="202">
        <v>3</v>
      </c>
      <c r="M6" s="9"/>
      <c r="O6" s="18"/>
      <c r="P6" s="18"/>
      <c r="R6" s="18"/>
      <c r="S6" s="18"/>
      <c r="U6" s="18"/>
      <c r="V6" s="18"/>
    </row>
    <row r="7" spans="1:23" ht="19.5" customHeight="1" x14ac:dyDescent="0.15">
      <c r="A7" s="203">
        <v>2</v>
      </c>
      <c r="B7" s="197" t="s">
        <v>5</v>
      </c>
      <c r="C7" s="198">
        <v>32.520000000000003</v>
      </c>
      <c r="D7" s="199">
        <v>1</v>
      </c>
      <c r="E7" s="198">
        <v>32.15</v>
      </c>
      <c r="F7" s="199">
        <v>2</v>
      </c>
      <c r="G7" s="200">
        <v>37.5</v>
      </c>
      <c r="H7" s="199">
        <v>1</v>
      </c>
      <c r="I7" s="200">
        <v>40.630000000000003</v>
      </c>
      <c r="J7" s="199">
        <v>2</v>
      </c>
      <c r="K7" s="201">
        <v>43.25</v>
      </c>
      <c r="L7" s="202">
        <v>1</v>
      </c>
      <c r="O7" s="18"/>
      <c r="P7" s="18"/>
      <c r="R7" s="18"/>
      <c r="S7" s="18"/>
      <c r="U7" s="18"/>
      <c r="V7" s="18"/>
    </row>
    <row r="8" spans="1:23" ht="19.5" customHeight="1" x14ac:dyDescent="0.15">
      <c r="A8" s="203">
        <v>3</v>
      </c>
      <c r="B8" s="197" t="s">
        <v>6</v>
      </c>
      <c r="C8" s="198">
        <v>22.72</v>
      </c>
      <c r="D8" s="199">
        <v>12</v>
      </c>
      <c r="E8" s="198">
        <v>21.98</v>
      </c>
      <c r="F8" s="199">
        <v>18</v>
      </c>
      <c r="G8" s="200">
        <v>21.16</v>
      </c>
      <c r="H8" s="199">
        <v>17</v>
      </c>
      <c r="I8" s="200">
        <v>21.01</v>
      </c>
      <c r="J8" s="199">
        <v>18</v>
      </c>
      <c r="K8" s="201">
        <v>23.19</v>
      </c>
      <c r="L8" s="202">
        <v>19</v>
      </c>
      <c r="O8" s="18"/>
      <c r="P8" s="18"/>
      <c r="R8" s="18"/>
      <c r="S8" s="18"/>
      <c r="U8" s="18"/>
      <c r="V8" s="18"/>
    </row>
    <row r="9" spans="1:23" ht="19.5" customHeight="1" x14ac:dyDescent="0.15">
      <c r="A9" s="203">
        <v>4</v>
      </c>
      <c r="B9" s="197" t="s">
        <v>7</v>
      </c>
      <c r="C9" s="198">
        <v>11.83</v>
      </c>
      <c r="D9" s="199">
        <v>31</v>
      </c>
      <c r="E9" s="198">
        <v>13.77</v>
      </c>
      <c r="F9" s="199">
        <v>29</v>
      </c>
      <c r="G9" s="200">
        <v>14.41</v>
      </c>
      <c r="H9" s="199">
        <v>30</v>
      </c>
      <c r="I9" s="200">
        <v>16.82</v>
      </c>
      <c r="J9" s="199">
        <v>26</v>
      </c>
      <c r="K9" s="201">
        <v>13.34</v>
      </c>
      <c r="L9" s="202">
        <v>32</v>
      </c>
      <c r="O9" s="18"/>
      <c r="P9" s="18"/>
      <c r="R9" s="18"/>
      <c r="S9" s="18"/>
      <c r="U9" s="18"/>
      <c r="V9" s="18"/>
    </row>
    <row r="10" spans="1:23" ht="19.5" customHeight="1" x14ac:dyDescent="0.15">
      <c r="A10" s="203">
        <v>5</v>
      </c>
      <c r="B10" s="197" t="s">
        <v>8</v>
      </c>
      <c r="C10" s="198">
        <v>23.53</v>
      </c>
      <c r="D10" s="199">
        <v>11</v>
      </c>
      <c r="E10" s="198">
        <v>25.48</v>
      </c>
      <c r="F10" s="199">
        <v>9</v>
      </c>
      <c r="G10" s="200">
        <v>23.33</v>
      </c>
      <c r="H10" s="199">
        <v>13</v>
      </c>
      <c r="I10" s="200">
        <v>25.8</v>
      </c>
      <c r="J10" s="199">
        <v>7</v>
      </c>
      <c r="K10" s="201">
        <v>26.45</v>
      </c>
      <c r="L10" s="202">
        <v>12</v>
      </c>
      <c r="O10" s="18"/>
      <c r="P10" s="18"/>
      <c r="R10" s="18"/>
      <c r="S10" s="18"/>
      <c r="U10" s="18"/>
      <c r="V10" s="18"/>
    </row>
    <row r="11" spans="1:23" ht="19.5" customHeight="1" x14ac:dyDescent="0.15">
      <c r="A11" s="203">
        <v>6</v>
      </c>
      <c r="B11" s="197" t="s">
        <v>9</v>
      </c>
      <c r="C11" s="198">
        <v>18.61</v>
      </c>
      <c r="D11" s="199">
        <v>22</v>
      </c>
      <c r="E11" s="198">
        <v>16.43</v>
      </c>
      <c r="F11" s="199">
        <v>24</v>
      </c>
      <c r="G11" s="200">
        <v>15.54</v>
      </c>
      <c r="H11" s="199">
        <v>27</v>
      </c>
      <c r="I11" s="200">
        <v>16.329999999999998</v>
      </c>
      <c r="J11" s="199">
        <v>28</v>
      </c>
      <c r="K11" s="201">
        <v>16.36</v>
      </c>
      <c r="L11" s="202">
        <v>28</v>
      </c>
      <c r="O11" s="18"/>
      <c r="P11" s="18"/>
      <c r="R11" s="18"/>
      <c r="S11" s="18"/>
      <c r="U11" s="18"/>
      <c r="V11" s="18"/>
    </row>
    <row r="12" spans="1:23" ht="19.5" customHeight="1" x14ac:dyDescent="0.15">
      <c r="A12" s="203">
        <v>7</v>
      </c>
      <c r="B12" s="197" t="s">
        <v>10</v>
      </c>
      <c r="C12" s="198">
        <v>20.059999999999999</v>
      </c>
      <c r="D12" s="199">
        <v>19</v>
      </c>
      <c r="E12" s="198">
        <v>20.170000000000002</v>
      </c>
      <c r="F12" s="199">
        <v>19</v>
      </c>
      <c r="G12" s="200">
        <v>24.84</v>
      </c>
      <c r="H12" s="199">
        <v>12</v>
      </c>
      <c r="I12" s="200">
        <v>23.65</v>
      </c>
      <c r="J12" s="199">
        <v>14</v>
      </c>
      <c r="K12" s="201">
        <v>27.06</v>
      </c>
      <c r="L12" s="202">
        <v>9</v>
      </c>
      <c r="O12" s="18"/>
      <c r="P12" s="18"/>
      <c r="R12" s="18"/>
      <c r="S12" s="18"/>
      <c r="U12" s="18"/>
      <c r="V12" s="18"/>
    </row>
    <row r="13" spans="1:23" ht="19.5" customHeight="1" x14ac:dyDescent="0.15">
      <c r="A13" s="203">
        <v>8</v>
      </c>
      <c r="B13" s="197" t="s">
        <v>11</v>
      </c>
      <c r="C13" s="198">
        <v>21.53</v>
      </c>
      <c r="D13" s="199">
        <v>17</v>
      </c>
      <c r="E13" s="198">
        <v>27.24</v>
      </c>
      <c r="F13" s="199">
        <v>5</v>
      </c>
      <c r="G13" s="200">
        <v>25.49</v>
      </c>
      <c r="H13" s="199">
        <v>10</v>
      </c>
      <c r="I13" s="200">
        <v>24.95</v>
      </c>
      <c r="J13" s="199">
        <v>11</v>
      </c>
      <c r="K13" s="201">
        <v>27.06</v>
      </c>
      <c r="L13" s="202">
        <v>9</v>
      </c>
      <c r="O13" s="18"/>
      <c r="P13" s="18"/>
      <c r="R13" s="18"/>
      <c r="S13" s="18"/>
      <c r="U13" s="18"/>
      <c r="V13" s="18"/>
    </row>
    <row r="14" spans="1:23" ht="19.5" customHeight="1" x14ac:dyDescent="0.15">
      <c r="A14" s="203">
        <v>9</v>
      </c>
      <c r="B14" s="197" t="s">
        <v>12</v>
      </c>
      <c r="C14" s="198">
        <v>17.57</v>
      </c>
      <c r="D14" s="199">
        <v>23</v>
      </c>
      <c r="E14" s="198">
        <v>18.5</v>
      </c>
      <c r="F14" s="199">
        <v>22</v>
      </c>
      <c r="G14" s="200">
        <v>18.11</v>
      </c>
      <c r="H14" s="199">
        <v>23</v>
      </c>
      <c r="I14" s="200">
        <v>15.43</v>
      </c>
      <c r="J14" s="199">
        <v>29</v>
      </c>
      <c r="K14" s="201">
        <v>18.489999999999998</v>
      </c>
      <c r="L14" s="202">
        <v>25</v>
      </c>
      <c r="O14" s="18"/>
      <c r="P14" s="18"/>
      <c r="R14" s="18"/>
      <c r="S14" s="18"/>
      <c r="U14" s="18"/>
      <c r="V14" s="18"/>
    </row>
    <row r="15" spans="1:23" ht="19.5" customHeight="1" x14ac:dyDescent="0.15">
      <c r="A15" s="203">
        <v>10</v>
      </c>
      <c r="B15" s="197" t="s">
        <v>13</v>
      </c>
      <c r="C15" s="198">
        <v>13.59</v>
      </c>
      <c r="D15" s="199">
        <v>29</v>
      </c>
      <c r="E15" s="198">
        <v>13.09</v>
      </c>
      <c r="F15" s="199">
        <v>30</v>
      </c>
      <c r="G15" s="200">
        <v>14.99</v>
      </c>
      <c r="H15" s="199">
        <v>28</v>
      </c>
      <c r="I15" s="200">
        <v>20.88</v>
      </c>
      <c r="J15" s="199">
        <v>19</v>
      </c>
      <c r="K15" s="201">
        <v>24.14</v>
      </c>
      <c r="L15" s="202">
        <v>16</v>
      </c>
      <c r="O15" s="18"/>
      <c r="P15" s="18"/>
      <c r="R15" s="18"/>
      <c r="S15" s="18"/>
      <c r="U15" s="18"/>
      <c r="V15" s="18"/>
    </row>
    <row r="16" spans="1:23" ht="19.5" customHeight="1" x14ac:dyDescent="0.15">
      <c r="A16" s="203">
        <v>11</v>
      </c>
      <c r="B16" s="197" t="s">
        <v>14</v>
      </c>
      <c r="C16" s="198">
        <v>23.96</v>
      </c>
      <c r="D16" s="199">
        <v>8</v>
      </c>
      <c r="E16" s="198">
        <v>23.88</v>
      </c>
      <c r="F16" s="199">
        <v>11</v>
      </c>
      <c r="G16" s="200">
        <v>20.81</v>
      </c>
      <c r="H16" s="199">
        <v>18</v>
      </c>
      <c r="I16" s="200">
        <v>24.28</v>
      </c>
      <c r="J16" s="199">
        <v>12</v>
      </c>
      <c r="K16" s="201">
        <v>24.03</v>
      </c>
      <c r="L16" s="202">
        <v>18</v>
      </c>
      <c r="O16" s="18"/>
      <c r="P16" s="18"/>
      <c r="R16" s="18"/>
      <c r="S16" s="18"/>
      <c r="U16" s="18"/>
      <c r="V16" s="18"/>
    </row>
    <row r="17" spans="1:22" ht="19.5" customHeight="1" x14ac:dyDescent="0.15">
      <c r="A17" s="203">
        <v>12</v>
      </c>
      <c r="B17" s="197" t="s">
        <v>15</v>
      </c>
      <c r="C17" s="198">
        <v>15.37</v>
      </c>
      <c r="D17" s="199">
        <v>27</v>
      </c>
      <c r="E17" s="198">
        <v>14.72</v>
      </c>
      <c r="F17" s="199">
        <v>28</v>
      </c>
      <c r="G17" s="200">
        <v>17.309999999999999</v>
      </c>
      <c r="H17" s="199">
        <v>24</v>
      </c>
      <c r="I17" s="200">
        <v>15.09</v>
      </c>
      <c r="J17" s="199">
        <v>30</v>
      </c>
      <c r="K17" s="201">
        <v>15.45</v>
      </c>
      <c r="L17" s="202">
        <v>30</v>
      </c>
      <c r="O17" s="18"/>
      <c r="P17" s="18"/>
      <c r="R17" s="18"/>
      <c r="S17" s="18"/>
      <c r="U17" s="18"/>
      <c r="V17" s="18"/>
    </row>
    <row r="18" spans="1:22" ht="19.5" customHeight="1" x14ac:dyDescent="0.15">
      <c r="A18" s="203">
        <v>13</v>
      </c>
      <c r="B18" s="197" t="s">
        <v>16</v>
      </c>
      <c r="C18" s="198">
        <v>22.52</v>
      </c>
      <c r="D18" s="199">
        <v>13</v>
      </c>
      <c r="E18" s="198">
        <v>23.71</v>
      </c>
      <c r="F18" s="199">
        <v>13</v>
      </c>
      <c r="G18" s="200">
        <v>31.16</v>
      </c>
      <c r="H18" s="199">
        <v>3</v>
      </c>
      <c r="I18" s="200">
        <v>42.17</v>
      </c>
      <c r="J18" s="199">
        <v>1</v>
      </c>
      <c r="K18" s="201">
        <v>38.049999999999997</v>
      </c>
      <c r="L18" s="202">
        <v>4</v>
      </c>
      <c r="O18" s="18"/>
      <c r="P18" s="18"/>
      <c r="R18" s="18"/>
      <c r="S18" s="18"/>
      <c r="U18" s="18"/>
      <c r="V18" s="18"/>
    </row>
    <row r="19" spans="1:22" ht="19.5" customHeight="1" x14ac:dyDescent="0.15">
      <c r="A19" s="203">
        <v>14</v>
      </c>
      <c r="B19" s="197" t="s">
        <v>17</v>
      </c>
      <c r="C19" s="198">
        <v>19.82</v>
      </c>
      <c r="D19" s="199">
        <v>20</v>
      </c>
      <c r="E19" s="198">
        <v>18.75</v>
      </c>
      <c r="F19" s="199">
        <v>21</v>
      </c>
      <c r="G19" s="200">
        <v>18.88</v>
      </c>
      <c r="H19" s="199">
        <v>22</v>
      </c>
      <c r="I19" s="200">
        <v>18.77</v>
      </c>
      <c r="J19" s="199">
        <v>22</v>
      </c>
      <c r="K19" s="201">
        <v>17.59</v>
      </c>
      <c r="L19" s="202">
        <v>27</v>
      </c>
      <c r="O19" s="18"/>
      <c r="P19" s="18"/>
      <c r="R19" s="18"/>
      <c r="S19" s="18"/>
      <c r="U19" s="18"/>
      <c r="V19" s="18"/>
    </row>
    <row r="20" spans="1:22" ht="19.5" customHeight="1" x14ac:dyDescent="0.15">
      <c r="A20" s="203">
        <v>15</v>
      </c>
      <c r="B20" s="197" t="s">
        <v>18</v>
      </c>
      <c r="C20" s="198">
        <v>21.99</v>
      </c>
      <c r="D20" s="199">
        <v>15</v>
      </c>
      <c r="E20" s="198">
        <v>23.63</v>
      </c>
      <c r="F20" s="199">
        <v>14</v>
      </c>
      <c r="G20" s="200">
        <v>28.59</v>
      </c>
      <c r="H20" s="199">
        <v>6</v>
      </c>
      <c r="I20" s="200">
        <v>25.26</v>
      </c>
      <c r="J20" s="199">
        <v>9</v>
      </c>
      <c r="K20" s="201">
        <v>25.96</v>
      </c>
      <c r="L20" s="202">
        <v>14</v>
      </c>
      <c r="O20" s="18"/>
      <c r="P20" s="18"/>
      <c r="R20" s="18"/>
      <c r="S20" s="18"/>
      <c r="U20" s="18"/>
      <c r="V20" s="18"/>
    </row>
    <row r="21" spans="1:22" ht="19.5" customHeight="1" x14ac:dyDescent="0.15">
      <c r="A21" s="203">
        <v>16</v>
      </c>
      <c r="B21" s="197" t="s">
        <v>19</v>
      </c>
      <c r="C21" s="198">
        <v>11.81</v>
      </c>
      <c r="D21" s="199">
        <v>32</v>
      </c>
      <c r="E21" s="198">
        <v>12.28</v>
      </c>
      <c r="F21" s="199">
        <v>31</v>
      </c>
      <c r="G21" s="200">
        <v>9.91</v>
      </c>
      <c r="H21" s="199">
        <v>33</v>
      </c>
      <c r="I21" s="200">
        <v>8.9700000000000006</v>
      </c>
      <c r="J21" s="199">
        <v>33</v>
      </c>
      <c r="K21" s="201">
        <v>9.39</v>
      </c>
      <c r="L21" s="202">
        <v>33</v>
      </c>
      <c r="O21" s="18"/>
      <c r="P21" s="18"/>
      <c r="R21" s="18"/>
      <c r="S21" s="18"/>
      <c r="U21" s="18"/>
      <c r="V21" s="18"/>
    </row>
    <row r="22" spans="1:22" ht="19.5" customHeight="1" x14ac:dyDescent="0.15">
      <c r="A22" s="203">
        <v>17</v>
      </c>
      <c r="B22" s="197" t="s">
        <v>20</v>
      </c>
      <c r="C22" s="198">
        <v>15.22</v>
      </c>
      <c r="D22" s="199">
        <v>28</v>
      </c>
      <c r="E22" s="198">
        <v>15.66</v>
      </c>
      <c r="F22" s="199">
        <v>25</v>
      </c>
      <c r="G22" s="200">
        <v>16.16</v>
      </c>
      <c r="H22" s="199">
        <v>25</v>
      </c>
      <c r="I22" s="200">
        <v>17.170000000000002</v>
      </c>
      <c r="J22" s="199">
        <v>24</v>
      </c>
      <c r="K22" s="201">
        <v>19.13</v>
      </c>
      <c r="L22" s="202">
        <v>24</v>
      </c>
      <c r="O22" s="18"/>
      <c r="P22" s="18"/>
      <c r="R22" s="18"/>
      <c r="S22" s="18"/>
      <c r="U22" s="18"/>
      <c r="V22" s="18"/>
    </row>
    <row r="23" spans="1:22" ht="19.5" customHeight="1" x14ac:dyDescent="0.15">
      <c r="A23" s="203">
        <v>18</v>
      </c>
      <c r="B23" s="197" t="s">
        <v>21</v>
      </c>
      <c r="C23" s="198">
        <v>21.89</v>
      </c>
      <c r="D23" s="199">
        <v>16</v>
      </c>
      <c r="E23" s="198">
        <v>20.100000000000001</v>
      </c>
      <c r="F23" s="199">
        <v>20</v>
      </c>
      <c r="G23" s="200">
        <v>14.1</v>
      </c>
      <c r="H23" s="199">
        <v>31</v>
      </c>
      <c r="I23" s="200">
        <v>16.54</v>
      </c>
      <c r="J23" s="199">
        <v>27</v>
      </c>
      <c r="K23" s="201">
        <v>20.29</v>
      </c>
      <c r="L23" s="202">
        <v>21</v>
      </c>
      <c r="O23" s="18"/>
      <c r="P23" s="18"/>
      <c r="R23" s="18"/>
      <c r="S23" s="18"/>
      <c r="U23" s="18"/>
      <c r="V23" s="18"/>
    </row>
    <row r="24" spans="1:22" ht="19.5" customHeight="1" x14ac:dyDescent="0.15">
      <c r="A24" s="203">
        <v>19</v>
      </c>
      <c r="B24" s="197" t="s">
        <v>23</v>
      </c>
      <c r="C24" s="198">
        <v>32.21</v>
      </c>
      <c r="D24" s="199">
        <v>3</v>
      </c>
      <c r="E24" s="198">
        <v>34.630000000000003</v>
      </c>
      <c r="F24" s="199">
        <v>1</v>
      </c>
      <c r="G24" s="200">
        <v>31.34</v>
      </c>
      <c r="H24" s="199">
        <v>2</v>
      </c>
      <c r="I24" s="200">
        <v>32.72</v>
      </c>
      <c r="J24" s="199">
        <v>4</v>
      </c>
      <c r="K24" s="201">
        <v>31.16</v>
      </c>
      <c r="L24" s="202">
        <v>7</v>
      </c>
      <c r="O24" s="18"/>
      <c r="P24" s="18"/>
      <c r="R24" s="18"/>
      <c r="S24" s="18"/>
      <c r="U24" s="18"/>
      <c r="V24" s="18"/>
    </row>
    <row r="25" spans="1:22" ht="19.5" customHeight="1" x14ac:dyDescent="0.15">
      <c r="A25" s="203">
        <v>20</v>
      </c>
      <c r="B25" s="197" t="s">
        <v>24</v>
      </c>
      <c r="C25" s="198">
        <v>30.15</v>
      </c>
      <c r="D25" s="199">
        <v>4</v>
      </c>
      <c r="E25" s="198">
        <v>29.57</v>
      </c>
      <c r="F25" s="199">
        <v>4</v>
      </c>
      <c r="G25" s="200">
        <v>25.59</v>
      </c>
      <c r="H25" s="199">
        <v>9</v>
      </c>
      <c r="I25" s="200">
        <v>23.65</v>
      </c>
      <c r="J25" s="199">
        <v>14</v>
      </c>
      <c r="K25" s="201">
        <v>24.05</v>
      </c>
      <c r="L25" s="202">
        <v>17</v>
      </c>
      <c r="O25" s="18"/>
      <c r="P25" s="18"/>
      <c r="R25" s="18"/>
      <c r="S25" s="18"/>
      <c r="U25" s="18"/>
      <c r="V25" s="18"/>
    </row>
    <row r="26" spans="1:22" ht="19.5" customHeight="1" x14ac:dyDescent="0.15">
      <c r="A26" s="203">
        <v>21</v>
      </c>
      <c r="B26" s="197" t="s">
        <v>22</v>
      </c>
      <c r="C26" s="198">
        <v>18.84</v>
      </c>
      <c r="D26" s="199">
        <v>21</v>
      </c>
      <c r="E26" s="198">
        <v>22.33</v>
      </c>
      <c r="F26" s="199">
        <v>16</v>
      </c>
      <c r="G26" s="200">
        <v>22.57</v>
      </c>
      <c r="H26" s="199">
        <v>15</v>
      </c>
      <c r="I26" s="200">
        <v>22.46</v>
      </c>
      <c r="J26" s="199">
        <v>17</v>
      </c>
      <c r="K26" s="201">
        <v>23.13</v>
      </c>
      <c r="L26" s="202">
        <v>20</v>
      </c>
      <c r="O26" s="18"/>
      <c r="P26" s="18"/>
      <c r="R26" s="18"/>
      <c r="S26" s="18"/>
      <c r="U26" s="18"/>
      <c r="V26" s="18"/>
    </row>
    <row r="27" spans="1:22" ht="19.5" customHeight="1" x14ac:dyDescent="0.15">
      <c r="A27" s="203">
        <v>22</v>
      </c>
      <c r="B27" s="197" t="s">
        <v>25</v>
      </c>
      <c r="C27" s="198">
        <v>27.39</v>
      </c>
      <c r="D27" s="199">
        <v>5</v>
      </c>
      <c r="E27" s="198">
        <v>22.06</v>
      </c>
      <c r="F27" s="199">
        <v>17</v>
      </c>
      <c r="G27" s="200">
        <v>25.46</v>
      </c>
      <c r="H27" s="199">
        <v>11</v>
      </c>
      <c r="I27" s="200">
        <v>23.04</v>
      </c>
      <c r="J27" s="199">
        <v>16</v>
      </c>
      <c r="K27" s="201">
        <v>26.5</v>
      </c>
      <c r="L27" s="202">
        <v>11</v>
      </c>
      <c r="O27" s="18"/>
      <c r="P27" s="18"/>
      <c r="R27" s="18"/>
      <c r="S27" s="18"/>
      <c r="U27" s="18"/>
      <c r="V27" s="18"/>
    </row>
    <row r="28" spans="1:22" ht="19.5" customHeight="1" x14ac:dyDescent="0.15">
      <c r="A28" s="203">
        <v>23</v>
      </c>
      <c r="B28" s="197" t="s">
        <v>26</v>
      </c>
      <c r="C28" s="198">
        <v>23.57</v>
      </c>
      <c r="D28" s="199">
        <v>10</v>
      </c>
      <c r="E28" s="198">
        <v>26.11</v>
      </c>
      <c r="F28" s="199">
        <v>7</v>
      </c>
      <c r="G28" s="200">
        <v>27.53</v>
      </c>
      <c r="H28" s="199">
        <v>7</v>
      </c>
      <c r="I28" s="200">
        <v>25.74</v>
      </c>
      <c r="J28" s="199">
        <v>8</v>
      </c>
      <c r="K28" s="201">
        <v>17.91</v>
      </c>
      <c r="L28" s="202">
        <v>26</v>
      </c>
      <c r="O28" s="18"/>
      <c r="P28" s="18"/>
      <c r="R28" s="18"/>
      <c r="S28" s="18"/>
      <c r="U28" s="18"/>
      <c r="V28" s="18"/>
    </row>
    <row r="29" spans="1:22" ht="19.5" customHeight="1" x14ac:dyDescent="0.15">
      <c r="A29" s="203">
        <v>24</v>
      </c>
      <c r="B29" s="197" t="s">
        <v>27</v>
      </c>
      <c r="C29" s="198">
        <v>11.38</v>
      </c>
      <c r="D29" s="199">
        <v>33</v>
      </c>
      <c r="E29" s="198">
        <v>15.05</v>
      </c>
      <c r="F29" s="199">
        <v>27</v>
      </c>
      <c r="G29" s="200">
        <v>20.13</v>
      </c>
      <c r="H29" s="199">
        <v>20</v>
      </c>
      <c r="I29" s="200">
        <v>23.72</v>
      </c>
      <c r="J29" s="199">
        <v>13</v>
      </c>
      <c r="K29" s="201">
        <v>28.42</v>
      </c>
      <c r="L29" s="202">
        <v>8</v>
      </c>
      <c r="O29" s="18"/>
      <c r="P29" s="18"/>
      <c r="R29" s="18"/>
      <c r="S29" s="18"/>
      <c r="U29" s="18"/>
      <c r="V29" s="18"/>
    </row>
    <row r="30" spans="1:22" ht="19.5" customHeight="1" x14ac:dyDescent="0.15">
      <c r="A30" s="203">
        <v>25</v>
      </c>
      <c r="B30" s="197" t="s">
        <v>28</v>
      </c>
      <c r="C30" s="198">
        <v>22.32</v>
      </c>
      <c r="D30" s="199">
        <v>14</v>
      </c>
      <c r="E30" s="198">
        <v>25.05</v>
      </c>
      <c r="F30" s="199">
        <v>10</v>
      </c>
      <c r="G30" s="200">
        <v>22.71</v>
      </c>
      <c r="H30" s="199">
        <v>14</v>
      </c>
      <c r="I30" s="200">
        <v>18.239999999999998</v>
      </c>
      <c r="J30" s="199">
        <v>23</v>
      </c>
      <c r="K30" s="201">
        <v>20.09</v>
      </c>
      <c r="L30" s="202">
        <v>22</v>
      </c>
      <c r="O30" s="18"/>
      <c r="P30" s="18"/>
      <c r="R30" s="18"/>
      <c r="S30" s="18"/>
      <c r="U30" s="18"/>
      <c r="V30" s="18"/>
    </row>
    <row r="31" spans="1:22" ht="19.5" customHeight="1" x14ac:dyDescent="0.15">
      <c r="A31" s="203">
        <v>26</v>
      </c>
      <c r="B31" s="197" t="s">
        <v>29</v>
      </c>
      <c r="C31" s="198">
        <v>25.98</v>
      </c>
      <c r="D31" s="199">
        <v>6</v>
      </c>
      <c r="E31" s="198">
        <v>23.84</v>
      </c>
      <c r="F31" s="199">
        <v>12</v>
      </c>
      <c r="G31" s="200">
        <v>18.95</v>
      </c>
      <c r="H31" s="199">
        <v>21</v>
      </c>
      <c r="I31" s="200">
        <v>30.9</v>
      </c>
      <c r="J31" s="199">
        <v>5</v>
      </c>
      <c r="K31" s="201">
        <v>32.03</v>
      </c>
      <c r="L31" s="202">
        <v>5</v>
      </c>
      <c r="O31" s="18"/>
      <c r="P31" s="18"/>
      <c r="R31" s="18"/>
      <c r="S31" s="18"/>
      <c r="U31" s="18"/>
      <c r="V31" s="18"/>
    </row>
    <row r="32" spans="1:22" ht="19.5" customHeight="1" x14ac:dyDescent="0.15">
      <c r="A32" s="203">
        <v>27</v>
      </c>
      <c r="B32" s="197" t="s">
        <v>30</v>
      </c>
      <c r="C32" s="198">
        <v>17.21</v>
      </c>
      <c r="D32" s="199">
        <v>24</v>
      </c>
      <c r="E32" s="198">
        <v>17.91</v>
      </c>
      <c r="F32" s="199">
        <v>23</v>
      </c>
      <c r="G32" s="200">
        <v>22.25</v>
      </c>
      <c r="H32" s="199">
        <v>16</v>
      </c>
      <c r="I32" s="200">
        <v>20.5</v>
      </c>
      <c r="J32" s="199">
        <v>20</v>
      </c>
      <c r="K32" s="201">
        <v>19.61</v>
      </c>
      <c r="L32" s="202">
        <v>23</v>
      </c>
      <c r="O32" s="18"/>
      <c r="P32" s="18"/>
      <c r="R32" s="18"/>
      <c r="S32" s="18"/>
      <c r="U32" s="18"/>
      <c r="V32" s="18"/>
    </row>
    <row r="33" spans="1:22" ht="19.5" customHeight="1" x14ac:dyDescent="0.15">
      <c r="A33" s="203">
        <v>28</v>
      </c>
      <c r="B33" s="197" t="s">
        <v>31</v>
      </c>
      <c r="C33" s="198">
        <v>12.58</v>
      </c>
      <c r="D33" s="199">
        <v>30</v>
      </c>
      <c r="E33" s="198">
        <v>11.2</v>
      </c>
      <c r="F33" s="199">
        <v>32</v>
      </c>
      <c r="G33" s="200">
        <v>10.58</v>
      </c>
      <c r="H33" s="199">
        <v>32</v>
      </c>
      <c r="I33" s="200">
        <v>14.35</v>
      </c>
      <c r="J33" s="199">
        <v>31</v>
      </c>
      <c r="K33" s="201">
        <v>14.22</v>
      </c>
      <c r="L33" s="202">
        <v>31</v>
      </c>
      <c r="O33" s="18"/>
      <c r="P33" s="18"/>
      <c r="R33" s="18"/>
      <c r="S33" s="18"/>
      <c r="U33" s="18"/>
      <c r="V33" s="18"/>
    </row>
    <row r="34" spans="1:22" ht="19.5" customHeight="1" x14ac:dyDescent="0.15">
      <c r="A34" s="203">
        <v>29</v>
      </c>
      <c r="B34" s="197" t="s">
        <v>32</v>
      </c>
      <c r="C34" s="198">
        <v>32.49</v>
      </c>
      <c r="D34" s="199">
        <v>2</v>
      </c>
      <c r="E34" s="198">
        <v>30.18</v>
      </c>
      <c r="F34" s="199">
        <v>3</v>
      </c>
      <c r="G34" s="200">
        <v>30.58</v>
      </c>
      <c r="H34" s="199">
        <v>4</v>
      </c>
      <c r="I34" s="200">
        <v>29.88</v>
      </c>
      <c r="J34" s="199">
        <v>6</v>
      </c>
      <c r="K34" s="201">
        <v>31.19</v>
      </c>
      <c r="L34" s="202">
        <v>6</v>
      </c>
      <c r="O34" s="18"/>
      <c r="P34" s="18"/>
      <c r="R34" s="18"/>
      <c r="S34" s="18"/>
      <c r="U34" s="18"/>
      <c r="V34" s="18"/>
    </row>
    <row r="35" spans="1:22" ht="19.5" customHeight="1" x14ac:dyDescent="0.15">
      <c r="A35" s="203">
        <v>30</v>
      </c>
      <c r="B35" s="197" t="s">
        <v>33</v>
      </c>
      <c r="C35" s="198">
        <v>16.52</v>
      </c>
      <c r="D35" s="199">
        <v>26</v>
      </c>
      <c r="E35" s="198">
        <v>10.41</v>
      </c>
      <c r="F35" s="199">
        <v>33</v>
      </c>
      <c r="G35" s="200">
        <v>14.98</v>
      </c>
      <c r="H35" s="199">
        <v>29</v>
      </c>
      <c r="I35" s="200">
        <v>14.21</v>
      </c>
      <c r="J35" s="199">
        <v>32</v>
      </c>
      <c r="K35" s="201">
        <v>15.68</v>
      </c>
      <c r="L35" s="202">
        <v>29</v>
      </c>
      <c r="O35" s="18"/>
      <c r="P35" s="18"/>
      <c r="R35" s="18"/>
      <c r="S35" s="18"/>
      <c r="U35" s="18"/>
      <c r="V35" s="18"/>
    </row>
    <row r="36" spans="1:22" ht="19.5" customHeight="1" x14ac:dyDescent="0.15">
      <c r="A36" s="203">
        <v>31</v>
      </c>
      <c r="B36" s="197" t="s">
        <v>34</v>
      </c>
      <c r="C36" s="198">
        <v>17.14</v>
      </c>
      <c r="D36" s="199">
        <v>25</v>
      </c>
      <c r="E36" s="198">
        <v>15.46</v>
      </c>
      <c r="F36" s="199">
        <v>26</v>
      </c>
      <c r="G36" s="200">
        <v>15.82</v>
      </c>
      <c r="H36" s="199">
        <v>26</v>
      </c>
      <c r="I36" s="200">
        <v>16.98</v>
      </c>
      <c r="J36" s="199">
        <v>25</v>
      </c>
      <c r="K36" s="201">
        <v>25.02</v>
      </c>
      <c r="L36" s="202">
        <v>15</v>
      </c>
      <c r="O36" s="18"/>
      <c r="P36" s="18"/>
      <c r="R36" s="18"/>
      <c r="S36" s="18"/>
      <c r="U36" s="18"/>
      <c r="V36" s="18"/>
    </row>
    <row r="37" spans="1:22" ht="19.5" customHeight="1" x14ac:dyDescent="0.15">
      <c r="A37" s="203">
        <v>32</v>
      </c>
      <c r="B37" s="197" t="s">
        <v>35</v>
      </c>
      <c r="C37" s="198">
        <v>23.98</v>
      </c>
      <c r="D37" s="199">
        <v>7</v>
      </c>
      <c r="E37" s="198">
        <v>26.59</v>
      </c>
      <c r="F37" s="199">
        <v>6</v>
      </c>
      <c r="G37" s="200">
        <v>26.46</v>
      </c>
      <c r="H37" s="199">
        <v>8</v>
      </c>
      <c r="I37" s="200">
        <v>25.07</v>
      </c>
      <c r="J37" s="199">
        <v>10</v>
      </c>
      <c r="K37" s="201">
        <v>26.17</v>
      </c>
      <c r="L37" s="202">
        <v>13</v>
      </c>
      <c r="O37" s="18"/>
      <c r="P37" s="18"/>
      <c r="R37" s="18"/>
      <c r="S37" s="18"/>
      <c r="U37" s="18"/>
      <c r="V37" s="18"/>
    </row>
    <row r="38" spans="1:22" ht="19.5" customHeight="1" thickBot="1" x14ac:dyDescent="0.2">
      <c r="A38" s="204">
        <v>33</v>
      </c>
      <c r="B38" s="205" t="s">
        <v>36</v>
      </c>
      <c r="C38" s="206">
        <v>21.11</v>
      </c>
      <c r="D38" s="207">
        <v>18</v>
      </c>
      <c r="E38" s="206">
        <v>23.04</v>
      </c>
      <c r="F38" s="207">
        <v>15</v>
      </c>
      <c r="G38" s="208">
        <v>20.65</v>
      </c>
      <c r="H38" s="207">
        <v>19</v>
      </c>
      <c r="I38" s="208">
        <v>18.91</v>
      </c>
      <c r="J38" s="207">
        <v>21</v>
      </c>
      <c r="K38" s="209">
        <v>40.729999999999997</v>
      </c>
      <c r="L38" s="210">
        <v>2</v>
      </c>
      <c r="O38" s="18"/>
      <c r="P38" s="18"/>
      <c r="R38" s="18"/>
      <c r="S38" s="18"/>
      <c r="U38" s="18"/>
      <c r="V38" s="18"/>
    </row>
    <row r="39" spans="1:22" ht="19.5" hidden="1" customHeight="1" thickTop="1" x14ac:dyDescent="0.15">
      <c r="A39" s="211">
        <v>34</v>
      </c>
      <c r="B39" s="212" t="s">
        <v>37</v>
      </c>
      <c r="C39" s="213" t="s">
        <v>56</v>
      </c>
      <c r="D39" s="214" t="s">
        <v>56</v>
      </c>
      <c r="E39" s="213" t="s">
        <v>56</v>
      </c>
      <c r="F39" s="214" t="s">
        <v>56</v>
      </c>
      <c r="G39" s="215" t="s">
        <v>56</v>
      </c>
      <c r="H39" s="214" t="s">
        <v>56</v>
      </c>
      <c r="I39" s="215" t="s">
        <v>56</v>
      </c>
      <c r="J39" s="214" t="s">
        <v>56</v>
      </c>
      <c r="K39" s="216" t="s">
        <v>56</v>
      </c>
      <c r="L39" s="217" t="s">
        <v>56</v>
      </c>
      <c r="O39" s="18"/>
      <c r="R39" s="18"/>
      <c r="U39" s="18"/>
    </row>
    <row r="40" spans="1:22" ht="19.5" hidden="1" customHeight="1" x14ac:dyDescent="0.15">
      <c r="A40" s="211">
        <v>35</v>
      </c>
      <c r="B40" s="212" t="s">
        <v>38</v>
      </c>
      <c r="C40" s="213" t="s">
        <v>56</v>
      </c>
      <c r="D40" s="214" t="s">
        <v>56</v>
      </c>
      <c r="E40" s="213" t="s">
        <v>56</v>
      </c>
      <c r="F40" s="214" t="s">
        <v>56</v>
      </c>
      <c r="G40" s="215" t="s">
        <v>56</v>
      </c>
      <c r="H40" s="214" t="s">
        <v>56</v>
      </c>
      <c r="I40" s="215" t="s">
        <v>56</v>
      </c>
      <c r="J40" s="214" t="s">
        <v>56</v>
      </c>
      <c r="K40" s="216" t="s">
        <v>56</v>
      </c>
      <c r="L40" s="217" t="s">
        <v>56</v>
      </c>
      <c r="O40" s="18"/>
      <c r="R40" s="18"/>
      <c r="U40" s="18"/>
    </row>
    <row r="41" spans="1:22" ht="19.5" hidden="1" customHeight="1" x14ac:dyDescent="0.15">
      <c r="A41" s="211">
        <v>36</v>
      </c>
      <c r="B41" s="212" t="s">
        <v>39</v>
      </c>
      <c r="C41" s="213" t="s">
        <v>56</v>
      </c>
      <c r="D41" s="214" t="s">
        <v>56</v>
      </c>
      <c r="E41" s="213" t="s">
        <v>56</v>
      </c>
      <c r="F41" s="214" t="s">
        <v>56</v>
      </c>
      <c r="G41" s="215" t="s">
        <v>56</v>
      </c>
      <c r="H41" s="214" t="s">
        <v>56</v>
      </c>
      <c r="I41" s="215" t="s">
        <v>56</v>
      </c>
      <c r="J41" s="214" t="s">
        <v>56</v>
      </c>
      <c r="K41" s="216" t="s">
        <v>56</v>
      </c>
      <c r="L41" s="217" t="s">
        <v>56</v>
      </c>
      <c r="O41" s="18"/>
      <c r="R41" s="18"/>
      <c r="U41" s="18"/>
    </row>
    <row r="42" spans="1:22" ht="19.5" hidden="1" customHeight="1" thickBot="1" x14ac:dyDescent="0.2">
      <c r="A42" s="211">
        <v>37</v>
      </c>
      <c r="B42" s="212" t="s">
        <v>40</v>
      </c>
      <c r="C42" s="213" t="s">
        <v>56</v>
      </c>
      <c r="D42" s="214" t="s">
        <v>56</v>
      </c>
      <c r="E42" s="213" t="s">
        <v>56</v>
      </c>
      <c r="F42" s="214" t="s">
        <v>56</v>
      </c>
      <c r="G42" s="215" t="s">
        <v>56</v>
      </c>
      <c r="H42" s="214" t="s">
        <v>56</v>
      </c>
      <c r="I42" s="215" t="s">
        <v>56</v>
      </c>
      <c r="J42" s="214" t="s">
        <v>56</v>
      </c>
      <c r="K42" s="216" t="s">
        <v>56</v>
      </c>
      <c r="L42" s="217" t="s">
        <v>56</v>
      </c>
      <c r="O42" s="18"/>
      <c r="R42" s="18"/>
      <c r="U42" s="18"/>
    </row>
    <row r="43" spans="1:22" ht="19.5" customHeight="1" thickTop="1" x14ac:dyDescent="0.15">
      <c r="A43" s="218">
        <v>301</v>
      </c>
      <c r="B43" s="219" t="s">
        <v>41</v>
      </c>
      <c r="C43" s="220">
        <v>88.76</v>
      </c>
      <c r="D43" s="221">
        <v>2</v>
      </c>
      <c r="E43" s="220">
        <v>100</v>
      </c>
      <c r="F43" s="221">
        <v>1</v>
      </c>
      <c r="G43" s="222">
        <v>96.93</v>
      </c>
      <c r="H43" s="221">
        <v>1</v>
      </c>
      <c r="I43" s="222">
        <v>100</v>
      </c>
      <c r="J43" s="221">
        <v>1</v>
      </c>
      <c r="K43" s="223">
        <v>100</v>
      </c>
      <c r="L43" s="224">
        <v>1</v>
      </c>
      <c r="O43" s="18"/>
      <c r="R43" s="18"/>
      <c r="U43" s="18"/>
    </row>
    <row r="44" spans="1:22" ht="19.5" customHeight="1" x14ac:dyDescent="0.15">
      <c r="A44" s="203">
        <v>302</v>
      </c>
      <c r="B44" s="197" t="s">
        <v>42</v>
      </c>
      <c r="C44" s="198">
        <v>58.25</v>
      </c>
      <c r="D44" s="199">
        <v>3</v>
      </c>
      <c r="E44" s="198">
        <v>43.96</v>
      </c>
      <c r="F44" s="199">
        <v>2</v>
      </c>
      <c r="G44" s="200">
        <v>65.75</v>
      </c>
      <c r="H44" s="199">
        <v>2</v>
      </c>
      <c r="I44" s="200">
        <v>72.06</v>
      </c>
      <c r="J44" s="199">
        <v>3</v>
      </c>
      <c r="K44" s="201">
        <v>74.8</v>
      </c>
      <c r="L44" s="202">
        <v>2</v>
      </c>
      <c r="O44" s="18"/>
      <c r="R44" s="18"/>
      <c r="U44" s="18"/>
    </row>
    <row r="45" spans="1:22" ht="19.5" customHeight="1" x14ac:dyDescent="0.15">
      <c r="A45" s="203">
        <v>303</v>
      </c>
      <c r="B45" s="197" t="s">
        <v>43</v>
      </c>
      <c r="C45" s="225" t="s">
        <v>59</v>
      </c>
      <c r="D45" s="226" t="s">
        <v>4</v>
      </c>
      <c r="E45" s="225" t="s">
        <v>59</v>
      </c>
      <c r="F45" s="226" t="s">
        <v>56</v>
      </c>
      <c r="G45" s="226" t="s">
        <v>59</v>
      </c>
      <c r="H45" s="226" t="s">
        <v>56</v>
      </c>
      <c r="I45" s="226" t="s">
        <v>59</v>
      </c>
      <c r="J45" s="226" t="s">
        <v>56</v>
      </c>
      <c r="K45" s="226" t="s">
        <v>59</v>
      </c>
      <c r="L45" s="227" t="s">
        <v>56</v>
      </c>
      <c r="O45" s="18"/>
      <c r="R45" s="18"/>
      <c r="U45" s="18"/>
    </row>
    <row r="46" spans="1:22" ht="19.5" customHeight="1" x14ac:dyDescent="0.15">
      <c r="A46" s="203">
        <v>304</v>
      </c>
      <c r="B46" s="197" t="s">
        <v>44</v>
      </c>
      <c r="C46" s="225" t="s">
        <v>59</v>
      </c>
      <c r="D46" s="226" t="s">
        <v>4</v>
      </c>
      <c r="E46" s="225" t="s">
        <v>59</v>
      </c>
      <c r="F46" s="226" t="s">
        <v>56</v>
      </c>
      <c r="G46" s="226" t="s">
        <v>59</v>
      </c>
      <c r="H46" s="226" t="s">
        <v>56</v>
      </c>
      <c r="I46" s="225" t="s">
        <v>59</v>
      </c>
      <c r="J46" s="226" t="s">
        <v>4</v>
      </c>
      <c r="K46" s="201">
        <v>28.56</v>
      </c>
      <c r="L46" s="202">
        <v>3</v>
      </c>
      <c r="O46" s="18"/>
      <c r="R46" s="18"/>
      <c r="U46" s="18"/>
    </row>
    <row r="47" spans="1:22" ht="19.5" customHeight="1" x14ac:dyDescent="0.15">
      <c r="A47" s="203">
        <v>305</v>
      </c>
      <c r="B47" s="197" t="s">
        <v>45</v>
      </c>
      <c r="C47" s="228" t="s">
        <v>59</v>
      </c>
      <c r="D47" s="226" t="s">
        <v>56</v>
      </c>
      <c r="E47" s="228" t="s">
        <v>59</v>
      </c>
      <c r="F47" s="226" t="s">
        <v>56</v>
      </c>
      <c r="G47" s="226" t="s">
        <v>59</v>
      </c>
      <c r="H47" s="226" t="s">
        <v>56</v>
      </c>
      <c r="I47" s="226" t="s">
        <v>59</v>
      </c>
      <c r="J47" s="226" t="s">
        <v>56</v>
      </c>
      <c r="K47" s="226" t="s">
        <v>59</v>
      </c>
      <c r="L47" s="227" t="s">
        <v>56</v>
      </c>
      <c r="O47" s="18"/>
      <c r="R47" s="18"/>
      <c r="U47" s="18"/>
    </row>
    <row r="48" spans="1:22" ht="19.5" customHeight="1" thickBot="1" x14ac:dyDescent="0.2">
      <c r="A48" s="204">
        <v>306</v>
      </c>
      <c r="B48" s="205" t="s">
        <v>46</v>
      </c>
      <c r="C48" s="229" t="s">
        <v>59</v>
      </c>
      <c r="D48" s="230" t="s">
        <v>56</v>
      </c>
      <c r="E48" s="229" t="s">
        <v>59</v>
      </c>
      <c r="F48" s="230" t="s">
        <v>56</v>
      </c>
      <c r="G48" s="230" t="s">
        <v>59</v>
      </c>
      <c r="H48" s="230" t="s">
        <v>56</v>
      </c>
      <c r="I48" s="230" t="s">
        <v>59</v>
      </c>
      <c r="J48" s="230" t="s">
        <v>56</v>
      </c>
      <c r="K48" s="226" t="s">
        <v>59</v>
      </c>
      <c r="L48" s="231" t="s">
        <v>56</v>
      </c>
      <c r="O48" s="18"/>
      <c r="R48" s="18"/>
      <c r="U48" s="18"/>
    </row>
    <row r="49" spans="1:23" ht="19.5" customHeight="1" thickTop="1" thickBot="1" x14ac:dyDescent="0.2">
      <c r="A49" s="321" t="s">
        <v>51</v>
      </c>
      <c r="B49" s="322"/>
      <c r="C49" s="232">
        <v>20.45</v>
      </c>
      <c r="D49" s="233"/>
      <c r="E49" s="232">
        <v>20.73</v>
      </c>
      <c r="F49" s="233"/>
      <c r="G49" s="234">
        <v>22.39</v>
      </c>
      <c r="H49" s="233"/>
      <c r="I49" s="234">
        <v>24.59</v>
      </c>
      <c r="J49" s="233"/>
      <c r="K49" s="235">
        <v>26.3</v>
      </c>
      <c r="L49" s="236"/>
    </row>
    <row r="50" spans="1:23" ht="19.5" customHeight="1" thickTop="1" thickBot="1" x14ac:dyDescent="0.2">
      <c r="A50" s="321" t="s">
        <v>63</v>
      </c>
      <c r="B50" s="322"/>
      <c r="C50" s="232">
        <v>69.790000000000006</v>
      </c>
      <c r="D50" s="233"/>
      <c r="E50" s="232">
        <v>63.16</v>
      </c>
      <c r="F50" s="233"/>
      <c r="G50" s="234">
        <v>72.400000000000006</v>
      </c>
      <c r="H50" s="233"/>
      <c r="I50" s="234">
        <v>78.459999999999994</v>
      </c>
      <c r="J50" s="233"/>
      <c r="K50" s="235">
        <v>70.87</v>
      </c>
      <c r="L50" s="237"/>
    </row>
    <row r="51" spans="1:23" ht="19.5" customHeight="1" thickTop="1" thickBot="1" x14ac:dyDescent="0.2">
      <c r="A51" s="315" t="s">
        <v>64</v>
      </c>
      <c r="B51" s="316"/>
      <c r="C51" s="238">
        <v>20.45</v>
      </c>
      <c r="D51" s="239"/>
      <c r="E51" s="238">
        <v>20.73</v>
      </c>
      <c r="F51" s="239"/>
      <c r="G51" s="240">
        <v>22.4</v>
      </c>
      <c r="H51" s="239"/>
      <c r="I51" s="240">
        <v>24.61</v>
      </c>
      <c r="J51" s="239"/>
      <c r="K51" s="241">
        <v>26.31</v>
      </c>
      <c r="L51" s="242"/>
    </row>
    <row r="52" spans="1:23" ht="16.2" x14ac:dyDescent="0.2">
      <c r="C52" s="368"/>
      <c r="D52" s="368"/>
      <c r="E52" s="368"/>
      <c r="F52" s="368"/>
      <c r="G52" s="368"/>
      <c r="H52" s="368"/>
      <c r="I52" s="368"/>
      <c r="J52" s="368"/>
      <c r="L52" s="368"/>
      <c r="N52" s="369"/>
      <c r="O52" s="369"/>
      <c r="P52" s="369"/>
      <c r="Q52" s="369"/>
      <c r="R52" s="369"/>
      <c r="S52" s="369"/>
      <c r="T52" s="369"/>
      <c r="U52" s="369"/>
      <c r="V52" s="369"/>
    </row>
    <row r="53" spans="1:23" ht="12" x14ac:dyDescent="0.15">
      <c r="A53" s="370"/>
      <c r="C53" s="368"/>
      <c r="D53" s="368"/>
      <c r="E53" s="368"/>
      <c r="F53" s="368"/>
      <c r="G53" s="368"/>
      <c r="H53" s="368"/>
      <c r="I53" s="368"/>
      <c r="J53" s="368"/>
      <c r="L53" s="368"/>
      <c r="N53" s="371"/>
      <c r="O53" s="371"/>
      <c r="P53" s="371"/>
      <c r="Q53" s="371"/>
      <c r="R53" s="371"/>
      <c r="S53" s="371"/>
      <c r="T53" s="372"/>
      <c r="U53" s="372"/>
      <c r="V53" s="372"/>
      <c r="W53" s="372"/>
    </row>
    <row r="54" spans="1:23" ht="12" x14ac:dyDescent="0.15">
      <c r="C54" s="368"/>
      <c r="D54" s="368"/>
      <c r="E54" s="368"/>
      <c r="F54" s="368"/>
      <c r="G54" s="368"/>
      <c r="H54" s="368"/>
      <c r="I54" s="368"/>
      <c r="J54" s="368"/>
      <c r="L54" s="368"/>
      <c r="N54" s="371"/>
      <c r="O54" s="371"/>
      <c r="P54" s="371"/>
      <c r="Q54" s="371"/>
      <c r="R54" s="371"/>
      <c r="S54" s="371"/>
      <c r="T54" s="372"/>
      <c r="U54" s="372"/>
      <c r="V54" s="372"/>
      <c r="W54" s="372"/>
    </row>
    <row r="55" spans="1:23" ht="12" x14ac:dyDescent="0.15">
      <c r="C55" s="368"/>
      <c r="D55" s="368"/>
      <c r="E55" s="368"/>
      <c r="F55" s="368"/>
      <c r="G55" s="368"/>
      <c r="H55" s="368"/>
      <c r="I55" s="368"/>
      <c r="J55" s="368"/>
      <c r="L55" s="368"/>
      <c r="N55" s="371"/>
      <c r="O55" s="371"/>
      <c r="P55" s="371"/>
      <c r="Q55" s="371"/>
      <c r="R55" s="371"/>
      <c r="S55" s="371"/>
      <c r="T55" s="372"/>
      <c r="U55" s="372"/>
      <c r="V55" s="372"/>
      <c r="W55" s="372"/>
    </row>
    <row r="56" spans="1:23" x14ac:dyDescent="0.15">
      <c r="C56" s="368"/>
      <c r="D56" s="368"/>
      <c r="E56" s="368"/>
      <c r="F56" s="368"/>
      <c r="G56" s="368"/>
      <c r="H56" s="368"/>
      <c r="I56" s="368"/>
      <c r="J56" s="368"/>
      <c r="L56" s="368"/>
    </row>
    <row r="57" spans="1:23" x14ac:dyDescent="0.15">
      <c r="C57" s="368"/>
      <c r="D57" s="368"/>
      <c r="E57" s="368"/>
      <c r="F57" s="368"/>
      <c r="G57" s="368"/>
      <c r="H57" s="368"/>
      <c r="I57" s="368"/>
      <c r="J57" s="368"/>
      <c r="L57" s="368"/>
    </row>
    <row r="58" spans="1:23" x14ac:dyDescent="0.15">
      <c r="C58" s="368"/>
      <c r="D58" s="368"/>
      <c r="E58" s="368"/>
      <c r="F58" s="368"/>
      <c r="G58" s="368"/>
      <c r="H58" s="368"/>
      <c r="I58" s="368"/>
      <c r="J58" s="368"/>
      <c r="L58" s="368"/>
    </row>
    <row r="59" spans="1:23" x14ac:dyDescent="0.15">
      <c r="C59" s="368"/>
      <c r="D59" s="368"/>
      <c r="E59" s="368"/>
      <c r="F59" s="368"/>
      <c r="G59" s="368"/>
      <c r="H59" s="368"/>
      <c r="I59" s="368"/>
      <c r="J59" s="368"/>
      <c r="L59" s="368"/>
    </row>
    <row r="60" spans="1:23" x14ac:dyDescent="0.15">
      <c r="C60" s="368"/>
      <c r="D60" s="368"/>
      <c r="E60" s="368"/>
      <c r="F60" s="368"/>
      <c r="G60" s="368"/>
      <c r="H60" s="368"/>
      <c r="I60" s="368"/>
      <c r="J60" s="368"/>
      <c r="L60" s="368"/>
    </row>
    <row r="61" spans="1:23" x14ac:dyDescent="0.15">
      <c r="C61" s="368"/>
      <c r="D61" s="368"/>
      <c r="E61" s="368"/>
      <c r="F61" s="368"/>
      <c r="G61" s="368"/>
      <c r="H61" s="368"/>
      <c r="I61" s="368"/>
      <c r="J61" s="368"/>
      <c r="L61" s="368"/>
    </row>
    <row r="62" spans="1:23" x14ac:dyDescent="0.15">
      <c r="C62" s="368"/>
      <c r="D62" s="368"/>
      <c r="E62" s="368"/>
      <c r="F62" s="368"/>
      <c r="G62" s="368"/>
      <c r="H62" s="368"/>
      <c r="I62" s="368"/>
      <c r="J62" s="368"/>
      <c r="L62" s="368"/>
    </row>
    <row r="63" spans="1:23" x14ac:dyDescent="0.15">
      <c r="C63" s="368"/>
      <c r="D63" s="368"/>
      <c r="E63" s="368"/>
      <c r="F63" s="368"/>
      <c r="G63" s="368"/>
      <c r="H63" s="368"/>
      <c r="I63" s="368"/>
      <c r="J63" s="368"/>
      <c r="L63" s="368"/>
    </row>
    <row r="64" spans="1:23" x14ac:dyDescent="0.15">
      <c r="C64" s="368"/>
      <c r="D64" s="368"/>
      <c r="E64" s="368"/>
      <c r="F64" s="368"/>
      <c r="G64" s="368"/>
      <c r="H64" s="368"/>
      <c r="I64" s="368"/>
      <c r="J64" s="368"/>
      <c r="L64" s="368"/>
    </row>
    <row r="65" spans="3:12" x14ac:dyDescent="0.15">
      <c r="C65" s="368"/>
      <c r="D65" s="368"/>
      <c r="E65" s="368"/>
      <c r="F65" s="368"/>
      <c r="G65" s="368"/>
      <c r="H65" s="368"/>
      <c r="I65" s="368"/>
      <c r="J65" s="368"/>
      <c r="L65" s="368"/>
    </row>
    <row r="66" spans="3:12" x14ac:dyDescent="0.15">
      <c r="C66" s="368"/>
      <c r="D66" s="368"/>
      <c r="E66" s="368"/>
      <c r="F66" s="368"/>
      <c r="G66" s="368"/>
      <c r="H66" s="368"/>
      <c r="I66" s="368"/>
      <c r="J66" s="368"/>
      <c r="L66" s="368"/>
    </row>
    <row r="67" spans="3:12" x14ac:dyDescent="0.15">
      <c r="C67" s="368"/>
      <c r="D67" s="368"/>
      <c r="E67" s="368"/>
      <c r="F67" s="368"/>
      <c r="G67" s="368"/>
      <c r="H67" s="368"/>
      <c r="I67" s="368"/>
      <c r="J67" s="368"/>
      <c r="L67" s="368"/>
    </row>
    <row r="68" spans="3:12" x14ac:dyDescent="0.15">
      <c r="C68" s="368"/>
      <c r="D68" s="368"/>
      <c r="E68" s="368"/>
      <c r="F68" s="368"/>
      <c r="G68" s="368"/>
      <c r="H68" s="368"/>
      <c r="I68" s="368"/>
      <c r="J68" s="368"/>
      <c r="L68" s="368"/>
    </row>
    <row r="69" spans="3:12" x14ac:dyDescent="0.15">
      <c r="C69" s="368"/>
      <c r="D69" s="368"/>
      <c r="E69" s="368"/>
      <c r="F69" s="368"/>
      <c r="G69" s="368"/>
      <c r="H69" s="368"/>
      <c r="I69" s="368"/>
      <c r="J69" s="368"/>
      <c r="L69" s="368"/>
    </row>
    <row r="70" spans="3:12" x14ac:dyDescent="0.15">
      <c r="C70" s="368"/>
      <c r="D70" s="368"/>
      <c r="E70" s="368"/>
      <c r="F70" s="368"/>
      <c r="G70" s="368"/>
      <c r="H70" s="368"/>
      <c r="I70" s="368"/>
      <c r="J70" s="368"/>
      <c r="L70" s="368"/>
    </row>
    <row r="71" spans="3:12" x14ac:dyDescent="0.15">
      <c r="C71" s="368"/>
      <c r="D71" s="368"/>
      <c r="E71" s="368"/>
      <c r="F71" s="368"/>
      <c r="G71" s="368"/>
      <c r="H71" s="368"/>
      <c r="I71" s="368"/>
      <c r="J71" s="368"/>
      <c r="L71" s="368"/>
    </row>
    <row r="72" spans="3:12" x14ac:dyDescent="0.15">
      <c r="C72" s="368"/>
      <c r="D72" s="368"/>
      <c r="E72" s="368"/>
      <c r="F72" s="368"/>
      <c r="G72" s="368"/>
      <c r="H72" s="368"/>
      <c r="I72" s="368"/>
      <c r="J72" s="368"/>
      <c r="L72" s="368"/>
    </row>
    <row r="73" spans="3:12" x14ac:dyDescent="0.15">
      <c r="C73" s="368"/>
      <c r="D73" s="368"/>
      <c r="E73" s="368"/>
      <c r="F73" s="368"/>
      <c r="G73" s="368"/>
      <c r="H73" s="368"/>
      <c r="I73" s="368"/>
      <c r="J73" s="368"/>
      <c r="L73" s="368"/>
    </row>
    <row r="74" spans="3:12" x14ac:dyDescent="0.15">
      <c r="C74" s="368"/>
      <c r="D74" s="368"/>
      <c r="E74" s="368"/>
      <c r="F74" s="368"/>
      <c r="G74" s="368"/>
      <c r="H74" s="368"/>
      <c r="I74" s="368"/>
      <c r="J74" s="368"/>
      <c r="L74" s="368"/>
    </row>
    <row r="75" spans="3:12" x14ac:dyDescent="0.15">
      <c r="C75" s="368"/>
      <c r="D75" s="368"/>
      <c r="E75" s="368"/>
      <c r="F75" s="368"/>
      <c r="G75" s="368"/>
      <c r="H75" s="368"/>
      <c r="I75" s="368"/>
      <c r="J75" s="368"/>
      <c r="L75" s="368"/>
    </row>
    <row r="76" spans="3:12" x14ac:dyDescent="0.15">
      <c r="C76" s="368"/>
      <c r="D76" s="368"/>
      <c r="E76" s="368"/>
      <c r="F76" s="368"/>
      <c r="G76" s="368"/>
      <c r="H76" s="368"/>
      <c r="I76" s="368"/>
      <c r="J76" s="368"/>
      <c r="L76" s="368"/>
    </row>
    <row r="77" spans="3:12" x14ac:dyDescent="0.15">
      <c r="C77" s="368"/>
      <c r="D77" s="368"/>
      <c r="E77" s="368"/>
      <c r="F77" s="368"/>
      <c r="G77" s="368"/>
      <c r="H77" s="368"/>
      <c r="I77" s="368"/>
      <c r="J77" s="368"/>
      <c r="L77" s="368"/>
    </row>
    <row r="78" spans="3:12" x14ac:dyDescent="0.15">
      <c r="C78" s="368"/>
      <c r="D78" s="368"/>
      <c r="E78" s="368"/>
      <c r="F78" s="368"/>
      <c r="G78" s="368"/>
      <c r="H78" s="368"/>
      <c r="I78" s="368"/>
      <c r="J78" s="368"/>
      <c r="L78" s="368"/>
    </row>
    <row r="79" spans="3:12" x14ac:dyDescent="0.15">
      <c r="C79" s="368"/>
      <c r="D79" s="368"/>
      <c r="E79" s="368"/>
      <c r="F79" s="368"/>
      <c r="G79" s="368"/>
      <c r="H79" s="368"/>
      <c r="I79" s="368"/>
      <c r="J79" s="368"/>
      <c r="L79" s="368"/>
    </row>
    <row r="80" spans="3:12" x14ac:dyDescent="0.15">
      <c r="C80" s="368"/>
      <c r="D80" s="368"/>
      <c r="E80" s="368"/>
      <c r="F80" s="368"/>
      <c r="G80" s="368"/>
      <c r="H80" s="368"/>
      <c r="I80" s="368"/>
      <c r="J80" s="368"/>
      <c r="L80" s="368"/>
    </row>
    <row r="81" spans="3:12" x14ac:dyDescent="0.15">
      <c r="C81" s="368"/>
      <c r="D81" s="368"/>
      <c r="E81" s="368"/>
      <c r="F81" s="368"/>
      <c r="G81" s="368"/>
      <c r="H81" s="368"/>
      <c r="I81" s="368"/>
      <c r="J81" s="368"/>
      <c r="L81" s="368"/>
    </row>
    <row r="82" spans="3:12" x14ac:dyDescent="0.15">
      <c r="C82" s="368"/>
      <c r="D82" s="368"/>
      <c r="E82" s="368"/>
      <c r="F82" s="368"/>
      <c r="G82" s="368"/>
      <c r="H82" s="368"/>
      <c r="I82" s="368"/>
      <c r="J82" s="368"/>
      <c r="L82" s="368"/>
    </row>
    <row r="83" spans="3:12" x14ac:dyDescent="0.15">
      <c r="C83" s="368"/>
      <c r="D83" s="368"/>
      <c r="E83" s="368"/>
      <c r="F83" s="368"/>
      <c r="G83" s="368"/>
      <c r="H83" s="368"/>
      <c r="I83" s="368"/>
      <c r="J83" s="368"/>
      <c r="L83" s="368"/>
    </row>
    <row r="84" spans="3:12" x14ac:dyDescent="0.15">
      <c r="C84" s="368"/>
      <c r="D84" s="368"/>
      <c r="E84" s="368"/>
      <c r="F84" s="368"/>
      <c r="G84" s="368"/>
      <c r="H84" s="368"/>
      <c r="I84" s="368"/>
      <c r="J84" s="368"/>
      <c r="L84" s="368"/>
    </row>
    <row r="85" spans="3:12" x14ac:dyDescent="0.15">
      <c r="C85" s="368"/>
      <c r="D85" s="368"/>
      <c r="E85" s="368"/>
      <c r="F85" s="368"/>
      <c r="G85" s="368"/>
      <c r="H85" s="368"/>
      <c r="I85" s="368"/>
      <c r="J85" s="368"/>
      <c r="L85" s="368"/>
    </row>
    <row r="86" spans="3:12" x14ac:dyDescent="0.15">
      <c r="C86" s="368"/>
      <c r="D86" s="368"/>
      <c r="E86" s="368"/>
      <c r="F86" s="368"/>
      <c r="G86" s="368"/>
      <c r="H86" s="368"/>
      <c r="I86" s="368"/>
      <c r="J86" s="368"/>
      <c r="L86" s="368"/>
    </row>
    <row r="87" spans="3:12" x14ac:dyDescent="0.15">
      <c r="C87" s="368"/>
      <c r="D87" s="368"/>
      <c r="E87" s="368"/>
      <c r="F87" s="368"/>
      <c r="G87" s="368"/>
      <c r="H87" s="368"/>
      <c r="I87" s="368"/>
      <c r="J87" s="368"/>
      <c r="L87" s="368"/>
    </row>
    <row r="88" spans="3:12" x14ac:dyDescent="0.15">
      <c r="C88" s="368"/>
      <c r="D88" s="368"/>
      <c r="E88" s="368"/>
      <c r="F88" s="368"/>
      <c r="G88" s="368"/>
      <c r="H88" s="368"/>
      <c r="I88" s="368"/>
      <c r="J88" s="368"/>
      <c r="L88" s="368"/>
    </row>
    <row r="89" spans="3:12" x14ac:dyDescent="0.15">
      <c r="C89" s="368"/>
      <c r="D89" s="368"/>
      <c r="E89" s="368"/>
      <c r="F89" s="368"/>
      <c r="G89" s="368"/>
      <c r="H89" s="368"/>
      <c r="I89" s="368"/>
      <c r="J89" s="368"/>
      <c r="L89" s="368"/>
    </row>
    <row r="90" spans="3:12" x14ac:dyDescent="0.15">
      <c r="C90" s="368"/>
      <c r="D90" s="368"/>
      <c r="E90" s="368"/>
      <c r="F90" s="368"/>
      <c r="G90" s="368"/>
      <c r="H90" s="368"/>
      <c r="I90" s="368"/>
      <c r="J90" s="368"/>
      <c r="L90" s="368"/>
    </row>
    <row r="91" spans="3:12" x14ac:dyDescent="0.15">
      <c r="C91" s="368"/>
      <c r="D91" s="368"/>
      <c r="E91" s="368"/>
      <c r="F91" s="368"/>
      <c r="G91" s="368"/>
      <c r="H91" s="368"/>
      <c r="I91" s="368"/>
      <c r="J91" s="368"/>
      <c r="L91" s="368"/>
    </row>
    <row r="92" spans="3:12" x14ac:dyDescent="0.15">
      <c r="C92" s="368"/>
      <c r="D92" s="368"/>
      <c r="E92" s="368"/>
      <c r="F92" s="368"/>
      <c r="G92" s="368"/>
      <c r="H92" s="368"/>
      <c r="I92" s="368"/>
      <c r="J92" s="368"/>
      <c r="L92" s="368"/>
    </row>
    <row r="93" spans="3:12" x14ac:dyDescent="0.15">
      <c r="C93" s="368"/>
      <c r="D93" s="368"/>
      <c r="E93" s="368"/>
      <c r="F93" s="368"/>
      <c r="G93" s="368"/>
      <c r="H93" s="368"/>
      <c r="I93" s="368"/>
      <c r="J93" s="368"/>
      <c r="L93" s="368"/>
    </row>
    <row r="94" spans="3:12" x14ac:dyDescent="0.15">
      <c r="C94" s="368"/>
      <c r="D94" s="368"/>
      <c r="E94" s="368"/>
      <c r="F94" s="368"/>
      <c r="G94" s="368"/>
      <c r="H94" s="368"/>
      <c r="I94" s="368"/>
      <c r="J94" s="368"/>
      <c r="L94" s="368"/>
    </row>
    <row r="95" spans="3:12" x14ac:dyDescent="0.15">
      <c r="C95" s="368"/>
      <c r="D95" s="368"/>
      <c r="E95" s="368"/>
      <c r="F95" s="368"/>
      <c r="G95" s="368"/>
      <c r="H95" s="368"/>
      <c r="I95" s="368"/>
      <c r="J95" s="368"/>
      <c r="L95" s="368"/>
    </row>
    <row r="96" spans="3:12" x14ac:dyDescent="0.15">
      <c r="C96" s="368"/>
      <c r="D96" s="368"/>
      <c r="E96" s="368"/>
      <c r="F96" s="368"/>
      <c r="G96" s="368"/>
      <c r="H96" s="368"/>
      <c r="I96" s="368"/>
      <c r="J96" s="368"/>
      <c r="L96" s="368"/>
    </row>
    <row r="97" spans="3:12" x14ac:dyDescent="0.15">
      <c r="C97" s="368"/>
      <c r="D97" s="368"/>
      <c r="E97" s="368"/>
      <c r="F97" s="368"/>
      <c r="G97" s="368"/>
      <c r="H97" s="368"/>
      <c r="I97" s="368"/>
      <c r="J97" s="368"/>
      <c r="L97" s="368"/>
    </row>
    <row r="98" spans="3:12" x14ac:dyDescent="0.15">
      <c r="C98" s="368"/>
      <c r="D98" s="368"/>
      <c r="E98" s="368"/>
      <c r="F98" s="368"/>
      <c r="G98" s="368"/>
      <c r="H98" s="368"/>
      <c r="I98" s="368"/>
      <c r="J98" s="368"/>
      <c r="L98" s="368"/>
    </row>
    <row r="99" spans="3:12" x14ac:dyDescent="0.15">
      <c r="C99" s="368"/>
      <c r="D99" s="368"/>
      <c r="E99" s="368"/>
      <c r="F99" s="368"/>
      <c r="G99" s="368"/>
      <c r="H99" s="368"/>
      <c r="I99" s="368"/>
      <c r="J99" s="368"/>
      <c r="L99" s="368"/>
    </row>
    <row r="100" spans="3:12" x14ac:dyDescent="0.15">
      <c r="C100" s="368"/>
      <c r="D100" s="368"/>
      <c r="E100" s="368"/>
      <c r="F100" s="368"/>
      <c r="G100" s="368"/>
      <c r="H100" s="368"/>
      <c r="I100" s="368"/>
      <c r="J100" s="368"/>
      <c r="L100" s="368"/>
    </row>
    <row r="101" spans="3:12" x14ac:dyDescent="0.15">
      <c r="C101" s="368"/>
      <c r="D101" s="368"/>
      <c r="E101" s="368"/>
      <c r="F101" s="368"/>
      <c r="G101" s="368"/>
      <c r="H101" s="368"/>
      <c r="I101" s="368"/>
      <c r="J101" s="368"/>
      <c r="L101" s="368"/>
    </row>
    <row r="102" spans="3:12" x14ac:dyDescent="0.15">
      <c r="C102" s="368"/>
      <c r="D102" s="368"/>
      <c r="E102" s="368"/>
      <c r="F102" s="368"/>
      <c r="G102" s="368"/>
      <c r="H102" s="368"/>
      <c r="I102" s="368"/>
      <c r="J102" s="368"/>
      <c r="L102" s="368"/>
    </row>
    <row r="103" spans="3:12" x14ac:dyDescent="0.15">
      <c r="C103" s="368"/>
      <c r="D103" s="368"/>
      <c r="E103" s="368"/>
      <c r="F103" s="368"/>
      <c r="G103" s="368"/>
      <c r="H103" s="368"/>
      <c r="I103" s="368"/>
      <c r="J103" s="368"/>
      <c r="L103" s="368"/>
    </row>
    <row r="104" spans="3:12" x14ac:dyDescent="0.15">
      <c r="L104" s="368"/>
    </row>
    <row r="105" spans="3:12" x14ac:dyDescent="0.15">
      <c r="L105" s="368"/>
    </row>
    <row r="106" spans="3:12" x14ac:dyDescent="0.15">
      <c r="L106" s="368"/>
    </row>
    <row r="107" spans="3:12" x14ac:dyDescent="0.15">
      <c r="L107" s="368"/>
    </row>
    <row r="108" spans="3:12" x14ac:dyDescent="0.15">
      <c r="L108" s="368"/>
    </row>
    <row r="109" spans="3:12" x14ac:dyDescent="0.15">
      <c r="L109" s="368"/>
    </row>
    <row r="110" spans="3:12" x14ac:dyDescent="0.15">
      <c r="L110" s="368"/>
    </row>
    <row r="111" spans="3:12" x14ac:dyDescent="0.15">
      <c r="L111" s="368"/>
    </row>
    <row r="112" spans="3:12" x14ac:dyDescent="0.15">
      <c r="L112" s="368"/>
    </row>
    <row r="113" spans="12:12" x14ac:dyDescent="0.15">
      <c r="L113" s="368"/>
    </row>
    <row r="114" spans="12:12" x14ac:dyDescent="0.15">
      <c r="L114" s="368"/>
    </row>
    <row r="115" spans="12:12" x14ac:dyDescent="0.15">
      <c r="L115" s="368"/>
    </row>
    <row r="116" spans="12:12" x14ac:dyDescent="0.15">
      <c r="L116" s="368"/>
    </row>
    <row r="117" spans="12:12" x14ac:dyDescent="0.15">
      <c r="L117" s="368"/>
    </row>
    <row r="118" spans="12:12" x14ac:dyDescent="0.15">
      <c r="L118" s="368"/>
    </row>
    <row r="119" spans="12:12" x14ac:dyDescent="0.15">
      <c r="L119" s="368"/>
    </row>
    <row r="120" spans="12:12" x14ac:dyDescent="0.15">
      <c r="L120" s="368"/>
    </row>
    <row r="121" spans="12:12" x14ac:dyDescent="0.15">
      <c r="L121" s="368"/>
    </row>
    <row r="122" spans="12:12" x14ac:dyDescent="0.15">
      <c r="L122" s="368"/>
    </row>
    <row r="123" spans="12:12" x14ac:dyDescent="0.15">
      <c r="L123" s="368"/>
    </row>
    <row r="124" spans="12:12" x14ac:dyDescent="0.15">
      <c r="L124" s="368"/>
    </row>
    <row r="125" spans="12:12" x14ac:dyDescent="0.15">
      <c r="L125" s="368"/>
    </row>
    <row r="126" spans="12:12" x14ac:dyDescent="0.15">
      <c r="L126" s="368"/>
    </row>
    <row r="127" spans="12:12" x14ac:dyDescent="0.15">
      <c r="L127" s="368"/>
    </row>
    <row r="128" spans="12:12" x14ac:dyDescent="0.15">
      <c r="L128" s="368"/>
    </row>
    <row r="129" spans="12:12" x14ac:dyDescent="0.15">
      <c r="L129" s="368"/>
    </row>
    <row r="130" spans="12:12" x14ac:dyDescent="0.15">
      <c r="L130" s="368"/>
    </row>
    <row r="131" spans="12:12" x14ac:dyDescent="0.15">
      <c r="L131" s="368"/>
    </row>
    <row r="132" spans="12:12" x14ac:dyDescent="0.15">
      <c r="L132" s="368"/>
    </row>
    <row r="133" spans="12:12" x14ac:dyDescent="0.15">
      <c r="L133" s="368"/>
    </row>
    <row r="134" spans="12:12" x14ac:dyDescent="0.15">
      <c r="L134" s="368"/>
    </row>
    <row r="135" spans="12:12" x14ac:dyDescent="0.15">
      <c r="L135" s="368"/>
    </row>
    <row r="136" spans="12:12" x14ac:dyDescent="0.15">
      <c r="L136" s="368"/>
    </row>
    <row r="137" spans="12:12" x14ac:dyDescent="0.15">
      <c r="L137" s="368"/>
    </row>
    <row r="138" spans="12:12" x14ac:dyDescent="0.15">
      <c r="L138" s="368"/>
    </row>
    <row r="139" spans="12:12" x14ac:dyDescent="0.15">
      <c r="L139" s="368"/>
    </row>
    <row r="140" spans="12:12" x14ac:dyDescent="0.15">
      <c r="L140" s="368"/>
    </row>
    <row r="141" spans="12:12" x14ac:dyDescent="0.15">
      <c r="L141" s="368"/>
    </row>
    <row r="142" spans="12:12" x14ac:dyDescent="0.15">
      <c r="L142" s="368"/>
    </row>
    <row r="143" spans="12:12" x14ac:dyDescent="0.15">
      <c r="L143" s="368"/>
    </row>
    <row r="144" spans="12:12" x14ac:dyDescent="0.15">
      <c r="L144" s="368"/>
    </row>
    <row r="145" spans="12:12" x14ac:dyDescent="0.15">
      <c r="L145" s="368"/>
    </row>
    <row r="146" spans="12:12" x14ac:dyDescent="0.15">
      <c r="L146" s="368"/>
    </row>
    <row r="147" spans="12:12" x14ac:dyDescent="0.15">
      <c r="L147" s="368"/>
    </row>
    <row r="148" spans="12:12" x14ac:dyDescent="0.15">
      <c r="L148" s="368"/>
    </row>
    <row r="149" spans="12:12" x14ac:dyDescent="0.15">
      <c r="L149" s="368"/>
    </row>
    <row r="150" spans="12:12" x14ac:dyDescent="0.15">
      <c r="L150" s="368"/>
    </row>
    <row r="151" spans="12:12" x14ac:dyDescent="0.15">
      <c r="L151" s="368"/>
    </row>
    <row r="152" spans="12:12" x14ac:dyDescent="0.15">
      <c r="L152" s="368"/>
    </row>
    <row r="153" spans="12:12" x14ac:dyDescent="0.15">
      <c r="L153" s="368"/>
    </row>
    <row r="154" spans="12:12" x14ac:dyDescent="0.15">
      <c r="L154" s="368"/>
    </row>
    <row r="155" spans="12:12" x14ac:dyDescent="0.15">
      <c r="L155" s="368"/>
    </row>
    <row r="156" spans="12:12" x14ac:dyDescent="0.15">
      <c r="L156" s="368"/>
    </row>
    <row r="157" spans="12:12" x14ac:dyDescent="0.15">
      <c r="L157" s="368"/>
    </row>
    <row r="158" spans="12:12" x14ac:dyDescent="0.15">
      <c r="L158" s="368"/>
    </row>
    <row r="159" spans="12:12" x14ac:dyDescent="0.15">
      <c r="L159" s="368"/>
    </row>
    <row r="160" spans="12:12" x14ac:dyDescent="0.15">
      <c r="L160" s="368"/>
    </row>
    <row r="161" spans="12:12" x14ac:dyDescent="0.15">
      <c r="L161" s="368"/>
    </row>
    <row r="162" spans="12:12" x14ac:dyDescent="0.15">
      <c r="L162" s="368"/>
    </row>
    <row r="163" spans="12:12" x14ac:dyDescent="0.15">
      <c r="L163" s="368"/>
    </row>
    <row r="164" spans="12:12" x14ac:dyDescent="0.15">
      <c r="L164" s="368"/>
    </row>
    <row r="165" spans="12:12" x14ac:dyDescent="0.15">
      <c r="L165" s="368"/>
    </row>
    <row r="166" spans="12:12" x14ac:dyDescent="0.15">
      <c r="L166" s="368"/>
    </row>
  </sheetData>
  <mergeCells count="9">
    <mergeCell ref="A51:B51"/>
    <mergeCell ref="A3:B5"/>
    <mergeCell ref="K3:L3"/>
    <mergeCell ref="A49:B49"/>
    <mergeCell ref="A50:B50"/>
    <mergeCell ref="C3:D3"/>
    <mergeCell ref="E3:F3"/>
    <mergeCell ref="G3:H3"/>
    <mergeCell ref="I3:J3"/>
  </mergeCells>
  <phoneticPr fontId="8"/>
  <printOptions horizontalCentered="1" gridLinesSet="0"/>
  <pageMargins left="0.59055118110236227" right="0.59055118110236227" top="0.59055118110236227" bottom="0.59055118110236227" header="0.19685039370078741" footer="0.23622047244094491"/>
  <pageSetup paperSize="9" scale="87" orientation="portrait" blackAndWhite="1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/>
  <dimension ref="A1:AC55"/>
  <sheetViews>
    <sheetView tabSelected="1" zoomScaleNormal="100" zoomScaleSheetLayoutView="100" workbookViewId="0"/>
  </sheetViews>
  <sheetFormatPr defaultColWidth="9" defaultRowHeight="10.8" x14ac:dyDescent="0.15"/>
  <cols>
    <col min="1" max="1" width="3.88671875" style="8" customWidth="1"/>
    <col min="2" max="2" width="9.88671875" style="8" customWidth="1"/>
    <col min="3" max="3" width="10.6640625" style="8" customWidth="1"/>
    <col min="4" max="4" width="6.6640625" style="8" customWidth="1"/>
    <col min="5" max="5" width="10.6640625" style="8" customWidth="1"/>
    <col min="6" max="6" width="6.6640625" style="8" customWidth="1"/>
    <col min="7" max="7" width="7.33203125" style="8" customWidth="1"/>
    <col min="8" max="8" width="6.6640625" style="8" customWidth="1"/>
    <col min="9" max="9" width="10.6640625" style="8" customWidth="1"/>
    <col min="10" max="10" width="6.6640625" style="8" customWidth="1"/>
    <col min="11" max="11" width="10.6640625" style="8" customWidth="1"/>
    <col min="12" max="12" width="6.6640625" style="8" customWidth="1"/>
    <col min="13" max="13" width="4.44140625" style="8" customWidth="1"/>
    <col min="14" max="14" width="12.44140625" style="8" customWidth="1"/>
    <col min="15" max="15" width="14.44140625" style="8" customWidth="1"/>
    <col min="16" max="16384" width="9" style="8"/>
  </cols>
  <sheetData>
    <row r="1" spans="1:16" ht="16.5" customHeight="1" x14ac:dyDescent="0.2">
      <c r="A1" s="19" t="s">
        <v>78</v>
      </c>
      <c r="M1" s="9"/>
    </row>
    <row r="2" spans="1:16" ht="16.5" customHeight="1" thickBot="1" x14ac:dyDescent="0.25">
      <c r="B2" s="122" t="s">
        <v>81</v>
      </c>
    </row>
    <row r="3" spans="1:16" ht="15" customHeight="1" x14ac:dyDescent="0.15">
      <c r="A3" s="313" t="s">
        <v>0</v>
      </c>
      <c r="B3" s="283"/>
      <c r="C3" s="306" t="s">
        <v>85</v>
      </c>
      <c r="D3" s="307"/>
      <c r="E3" s="306" t="s">
        <v>92</v>
      </c>
      <c r="F3" s="283"/>
      <c r="G3" s="312" t="s">
        <v>93</v>
      </c>
      <c r="H3" s="283"/>
      <c r="I3" s="312" t="s">
        <v>88</v>
      </c>
      <c r="J3" s="305"/>
      <c r="K3" s="312" t="s">
        <v>99</v>
      </c>
      <c r="L3" s="304"/>
      <c r="N3" s="373"/>
      <c r="O3" s="373"/>
    </row>
    <row r="4" spans="1:16" ht="12.75" customHeight="1" x14ac:dyDescent="0.15">
      <c r="A4" s="284"/>
      <c r="B4" s="285"/>
      <c r="C4" s="124" t="s">
        <v>55</v>
      </c>
      <c r="D4" s="11" t="s">
        <v>47</v>
      </c>
      <c r="E4" s="124" t="s">
        <v>55</v>
      </c>
      <c r="F4" s="11" t="s">
        <v>47</v>
      </c>
      <c r="G4" s="124" t="s">
        <v>55</v>
      </c>
      <c r="H4" s="11" t="s">
        <v>47</v>
      </c>
      <c r="I4" s="124" t="s">
        <v>55</v>
      </c>
      <c r="J4" s="11" t="s">
        <v>47</v>
      </c>
      <c r="K4" s="124" t="s">
        <v>55</v>
      </c>
      <c r="L4" s="14" t="s">
        <v>47</v>
      </c>
    </row>
    <row r="5" spans="1:16" s="350" customFormat="1" ht="12.75" customHeight="1" x14ac:dyDescent="0.15">
      <c r="A5" s="284"/>
      <c r="B5" s="285"/>
      <c r="C5" s="126" t="s">
        <v>53</v>
      </c>
      <c r="D5" s="12" t="s">
        <v>50</v>
      </c>
      <c r="E5" s="126" t="s">
        <v>53</v>
      </c>
      <c r="F5" s="12" t="s">
        <v>50</v>
      </c>
      <c r="G5" s="126" t="s">
        <v>53</v>
      </c>
      <c r="H5" s="12" t="s">
        <v>50</v>
      </c>
      <c r="I5" s="126" t="s">
        <v>53</v>
      </c>
      <c r="J5" s="12" t="s">
        <v>50</v>
      </c>
      <c r="K5" s="126" t="s">
        <v>53</v>
      </c>
      <c r="L5" s="4" t="s">
        <v>50</v>
      </c>
    </row>
    <row r="6" spans="1:16" ht="19.5" customHeight="1" x14ac:dyDescent="0.15">
      <c r="A6" s="128">
        <v>1</v>
      </c>
      <c r="B6" s="129" t="s">
        <v>3</v>
      </c>
      <c r="C6" s="243">
        <v>84.1</v>
      </c>
      <c r="D6" s="244">
        <v>6</v>
      </c>
      <c r="E6" s="243">
        <v>86.18</v>
      </c>
      <c r="F6" s="244">
        <v>3</v>
      </c>
      <c r="G6" s="245">
        <v>89.3</v>
      </c>
      <c r="H6" s="244">
        <v>1</v>
      </c>
      <c r="I6" s="245">
        <v>90.06</v>
      </c>
      <c r="J6" s="244">
        <v>1</v>
      </c>
      <c r="K6" s="167">
        <v>91.73</v>
      </c>
      <c r="L6" s="246">
        <v>1</v>
      </c>
      <c r="N6" s="357"/>
      <c r="O6" s="357"/>
      <c r="P6" s="370"/>
    </row>
    <row r="7" spans="1:16" ht="19.5" customHeight="1" x14ac:dyDescent="0.15">
      <c r="A7" s="137">
        <v>2</v>
      </c>
      <c r="B7" s="129" t="s">
        <v>5</v>
      </c>
      <c r="C7" s="243">
        <v>86.2</v>
      </c>
      <c r="D7" s="244">
        <v>1</v>
      </c>
      <c r="E7" s="243">
        <v>86.75</v>
      </c>
      <c r="F7" s="244">
        <v>2</v>
      </c>
      <c r="G7" s="245">
        <v>88.3</v>
      </c>
      <c r="H7" s="244">
        <v>2</v>
      </c>
      <c r="I7" s="245">
        <v>88.73</v>
      </c>
      <c r="J7" s="244">
        <v>2</v>
      </c>
      <c r="K7" s="167">
        <v>89.63</v>
      </c>
      <c r="L7" s="246">
        <v>3</v>
      </c>
      <c r="N7" s="357"/>
      <c r="O7" s="357"/>
    </row>
    <row r="8" spans="1:16" ht="19.5" customHeight="1" x14ac:dyDescent="0.15">
      <c r="A8" s="137">
        <v>3</v>
      </c>
      <c r="B8" s="129" t="s">
        <v>6</v>
      </c>
      <c r="C8" s="243">
        <v>78.37</v>
      </c>
      <c r="D8" s="244">
        <v>15</v>
      </c>
      <c r="E8" s="243">
        <v>78.47</v>
      </c>
      <c r="F8" s="244">
        <v>17</v>
      </c>
      <c r="G8" s="245">
        <v>77.709999999999994</v>
      </c>
      <c r="H8" s="244">
        <v>19</v>
      </c>
      <c r="I8" s="245">
        <v>77.63</v>
      </c>
      <c r="J8" s="244">
        <v>18</v>
      </c>
      <c r="K8" s="167">
        <v>78.86</v>
      </c>
      <c r="L8" s="246">
        <v>20</v>
      </c>
      <c r="N8" s="357"/>
      <c r="O8" s="357"/>
    </row>
    <row r="9" spans="1:16" ht="19.5" customHeight="1" x14ac:dyDescent="0.15">
      <c r="A9" s="137">
        <v>4</v>
      </c>
      <c r="B9" s="129" t="s">
        <v>7</v>
      </c>
      <c r="C9" s="243">
        <v>65.72</v>
      </c>
      <c r="D9" s="244">
        <v>30</v>
      </c>
      <c r="E9" s="243">
        <v>66.23</v>
      </c>
      <c r="F9" s="244">
        <v>31</v>
      </c>
      <c r="G9" s="245">
        <v>68.03</v>
      </c>
      <c r="H9" s="244">
        <v>30</v>
      </c>
      <c r="I9" s="245">
        <v>70.05</v>
      </c>
      <c r="J9" s="244">
        <v>29</v>
      </c>
      <c r="K9" s="167">
        <v>72.930000000000007</v>
      </c>
      <c r="L9" s="246">
        <v>29</v>
      </c>
      <c r="N9" s="357"/>
      <c r="O9" s="357"/>
    </row>
    <row r="10" spans="1:16" ht="19.5" customHeight="1" x14ac:dyDescent="0.15">
      <c r="A10" s="137">
        <v>5</v>
      </c>
      <c r="B10" s="129" t="s">
        <v>8</v>
      </c>
      <c r="C10" s="243">
        <v>85.34</v>
      </c>
      <c r="D10" s="244">
        <v>3</v>
      </c>
      <c r="E10" s="243">
        <v>86.13</v>
      </c>
      <c r="F10" s="244">
        <v>4</v>
      </c>
      <c r="G10" s="245">
        <v>86.73</v>
      </c>
      <c r="H10" s="244">
        <v>4</v>
      </c>
      <c r="I10" s="245">
        <v>86.84</v>
      </c>
      <c r="J10" s="244">
        <v>5</v>
      </c>
      <c r="K10" s="167">
        <v>89.1</v>
      </c>
      <c r="L10" s="246">
        <v>4</v>
      </c>
      <c r="N10" s="357"/>
      <c r="O10" s="357"/>
    </row>
    <row r="11" spans="1:16" ht="19.5" customHeight="1" x14ac:dyDescent="0.15">
      <c r="A11" s="137">
        <v>6</v>
      </c>
      <c r="B11" s="129" t="s">
        <v>9</v>
      </c>
      <c r="C11" s="243">
        <v>75.430000000000007</v>
      </c>
      <c r="D11" s="244">
        <v>20</v>
      </c>
      <c r="E11" s="243">
        <v>74.67</v>
      </c>
      <c r="F11" s="244">
        <v>22</v>
      </c>
      <c r="G11" s="245">
        <v>74.73</v>
      </c>
      <c r="H11" s="244">
        <v>23</v>
      </c>
      <c r="I11" s="245">
        <v>75.400000000000006</v>
      </c>
      <c r="J11" s="244">
        <v>22</v>
      </c>
      <c r="K11" s="167">
        <v>76.28</v>
      </c>
      <c r="L11" s="246">
        <v>23</v>
      </c>
      <c r="N11" s="357"/>
      <c r="O11" s="357"/>
    </row>
    <row r="12" spans="1:16" ht="19.5" customHeight="1" x14ac:dyDescent="0.15">
      <c r="A12" s="137">
        <v>7</v>
      </c>
      <c r="B12" s="129" t="s">
        <v>10</v>
      </c>
      <c r="C12" s="243">
        <v>79.55</v>
      </c>
      <c r="D12" s="244">
        <v>12</v>
      </c>
      <c r="E12" s="243">
        <v>81.33</v>
      </c>
      <c r="F12" s="244">
        <v>10</v>
      </c>
      <c r="G12" s="245">
        <v>84.11</v>
      </c>
      <c r="H12" s="244">
        <v>6</v>
      </c>
      <c r="I12" s="245">
        <v>84.55</v>
      </c>
      <c r="J12" s="244">
        <v>8</v>
      </c>
      <c r="K12" s="167">
        <v>86.12</v>
      </c>
      <c r="L12" s="246">
        <v>9</v>
      </c>
      <c r="N12" s="357"/>
      <c r="O12" s="357"/>
    </row>
    <row r="13" spans="1:16" ht="19.5" customHeight="1" x14ac:dyDescent="0.15">
      <c r="A13" s="137">
        <v>8</v>
      </c>
      <c r="B13" s="129" t="s">
        <v>11</v>
      </c>
      <c r="C13" s="243">
        <v>81.099999999999994</v>
      </c>
      <c r="D13" s="244">
        <v>10</v>
      </c>
      <c r="E13" s="243">
        <v>83.12</v>
      </c>
      <c r="F13" s="244">
        <v>8</v>
      </c>
      <c r="G13" s="245">
        <v>83.45</v>
      </c>
      <c r="H13" s="244">
        <v>7</v>
      </c>
      <c r="I13" s="245">
        <v>83.37</v>
      </c>
      <c r="J13" s="244">
        <v>10</v>
      </c>
      <c r="K13" s="167">
        <v>84.38</v>
      </c>
      <c r="L13" s="246">
        <v>12</v>
      </c>
      <c r="N13" s="357"/>
      <c r="O13" s="357"/>
    </row>
    <row r="14" spans="1:16" ht="19.5" customHeight="1" x14ac:dyDescent="0.15">
      <c r="A14" s="137">
        <v>9</v>
      </c>
      <c r="B14" s="129" t="s">
        <v>12</v>
      </c>
      <c r="C14" s="243">
        <v>79.13</v>
      </c>
      <c r="D14" s="244">
        <v>14</v>
      </c>
      <c r="E14" s="243">
        <v>77.81</v>
      </c>
      <c r="F14" s="244">
        <v>18</v>
      </c>
      <c r="G14" s="245">
        <v>77.72</v>
      </c>
      <c r="H14" s="244">
        <v>18</v>
      </c>
      <c r="I14" s="245">
        <v>77.62</v>
      </c>
      <c r="J14" s="244">
        <v>19</v>
      </c>
      <c r="K14" s="167">
        <v>84.56</v>
      </c>
      <c r="L14" s="246">
        <v>11</v>
      </c>
      <c r="N14" s="357"/>
      <c r="O14" s="357"/>
    </row>
    <row r="15" spans="1:16" ht="19.5" customHeight="1" x14ac:dyDescent="0.15">
      <c r="A15" s="137">
        <v>10</v>
      </c>
      <c r="B15" s="129" t="s">
        <v>13</v>
      </c>
      <c r="C15" s="243">
        <v>64.11</v>
      </c>
      <c r="D15" s="244">
        <v>32</v>
      </c>
      <c r="E15" s="243">
        <v>63.82</v>
      </c>
      <c r="F15" s="244">
        <v>32</v>
      </c>
      <c r="G15" s="245">
        <v>66.86</v>
      </c>
      <c r="H15" s="244">
        <v>31</v>
      </c>
      <c r="I15" s="245">
        <v>70.12</v>
      </c>
      <c r="J15" s="244">
        <v>28</v>
      </c>
      <c r="K15" s="167">
        <v>73.510000000000005</v>
      </c>
      <c r="L15" s="246">
        <v>27</v>
      </c>
      <c r="N15" s="357"/>
      <c r="O15" s="357"/>
    </row>
    <row r="16" spans="1:16" ht="19.5" customHeight="1" x14ac:dyDescent="0.15">
      <c r="A16" s="137">
        <v>11</v>
      </c>
      <c r="B16" s="129" t="s">
        <v>14</v>
      </c>
      <c r="C16" s="243">
        <v>74.69</v>
      </c>
      <c r="D16" s="244">
        <v>23</v>
      </c>
      <c r="E16" s="243">
        <v>74.599999999999994</v>
      </c>
      <c r="F16" s="244">
        <v>23</v>
      </c>
      <c r="G16" s="245">
        <v>74.84</v>
      </c>
      <c r="H16" s="244">
        <v>22</v>
      </c>
      <c r="I16" s="245">
        <v>75.03</v>
      </c>
      <c r="J16" s="244">
        <v>23</v>
      </c>
      <c r="K16" s="167">
        <v>74.17</v>
      </c>
      <c r="L16" s="246">
        <v>26</v>
      </c>
      <c r="N16" s="357"/>
      <c r="O16" s="357"/>
    </row>
    <row r="17" spans="1:15" ht="19.5" customHeight="1" x14ac:dyDescent="0.15">
      <c r="A17" s="137">
        <v>12</v>
      </c>
      <c r="B17" s="129" t="s">
        <v>15</v>
      </c>
      <c r="C17" s="243">
        <v>71.72</v>
      </c>
      <c r="D17" s="244">
        <v>24</v>
      </c>
      <c r="E17" s="243">
        <v>71.349999999999994</v>
      </c>
      <c r="F17" s="244">
        <v>26</v>
      </c>
      <c r="G17" s="245">
        <v>72.47</v>
      </c>
      <c r="H17" s="244">
        <v>26</v>
      </c>
      <c r="I17" s="245">
        <v>71.819999999999993</v>
      </c>
      <c r="J17" s="244">
        <v>27</v>
      </c>
      <c r="K17" s="167">
        <v>73.17</v>
      </c>
      <c r="L17" s="246">
        <v>28</v>
      </c>
      <c r="N17" s="357"/>
      <c r="O17" s="357"/>
    </row>
    <row r="18" spans="1:15" ht="19.5" customHeight="1" x14ac:dyDescent="0.15">
      <c r="A18" s="137">
        <v>13</v>
      </c>
      <c r="B18" s="129" t="s">
        <v>16</v>
      </c>
      <c r="C18" s="243">
        <v>78.06</v>
      </c>
      <c r="D18" s="244">
        <v>17</v>
      </c>
      <c r="E18" s="243">
        <v>79.430000000000007</v>
      </c>
      <c r="F18" s="244">
        <v>14</v>
      </c>
      <c r="G18" s="245">
        <v>80.97</v>
      </c>
      <c r="H18" s="244">
        <v>13</v>
      </c>
      <c r="I18" s="245">
        <v>85.17</v>
      </c>
      <c r="J18" s="244">
        <v>7</v>
      </c>
      <c r="K18" s="167">
        <v>86.51</v>
      </c>
      <c r="L18" s="246">
        <v>8</v>
      </c>
      <c r="N18" s="357"/>
      <c r="O18" s="357"/>
    </row>
    <row r="19" spans="1:15" ht="19.5" customHeight="1" x14ac:dyDescent="0.15">
      <c r="A19" s="137">
        <v>14</v>
      </c>
      <c r="B19" s="129" t="s">
        <v>17</v>
      </c>
      <c r="C19" s="243">
        <v>66.38</v>
      </c>
      <c r="D19" s="244">
        <v>29</v>
      </c>
      <c r="E19" s="243">
        <v>66.86</v>
      </c>
      <c r="F19" s="244">
        <v>29</v>
      </c>
      <c r="G19" s="245">
        <v>68.150000000000006</v>
      </c>
      <c r="H19" s="244">
        <v>29</v>
      </c>
      <c r="I19" s="245">
        <v>69.260000000000005</v>
      </c>
      <c r="J19" s="244">
        <v>31</v>
      </c>
      <c r="K19" s="167">
        <v>70.31</v>
      </c>
      <c r="L19" s="246">
        <v>32</v>
      </c>
      <c r="N19" s="357"/>
      <c r="O19" s="357"/>
    </row>
    <row r="20" spans="1:15" ht="19.5" customHeight="1" x14ac:dyDescent="0.15">
      <c r="A20" s="137">
        <v>15</v>
      </c>
      <c r="B20" s="129" t="s">
        <v>18</v>
      </c>
      <c r="C20" s="243">
        <v>69.52</v>
      </c>
      <c r="D20" s="244">
        <v>26</v>
      </c>
      <c r="E20" s="243">
        <v>71.41</v>
      </c>
      <c r="F20" s="244">
        <v>25</v>
      </c>
      <c r="G20" s="245">
        <v>74.94</v>
      </c>
      <c r="H20" s="244">
        <v>21</v>
      </c>
      <c r="I20" s="245">
        <v>76.86</v>
      </c>
      <c r="J20" s="244">
        <v>21</v>
      </c>
      <c r="K20" s="167">
        <v>79.64</v>
      </c>
      <c r="L20" s="246">
        <v>18</v>
      </c>
      <c r="N20" s="357"/>
      <c r="O20" s="357"/>
    </row>
    <row r="21" spans="1:15" ht="19.5" customHeight="1" x14ac:dyDescent="0.15">
      <c r="A21" s="137">
        <v>16</v>
      </c>
      <c r="B21" s="129" t="s">
        <v>19</v>
      </c>
      <c r="C21" s="243">
        <v>60.61</v>
      </c>
      <c r="D21" s="244">
        <v>33</v>
      </c>
      <c r="E21" s="243">
        <v>61.7</v>
      </c>
      <c r="F21" s="244">
        <v>33</v>
      </c>
      <c r="G21" s="245">
        <v>61.48</v>
      </c>
      <c r="H21" s="244">
        <v>33</v>
      </c>
      <c r="I21" s="245">
        <v>61.43</v>
      </c>
      <c r="J21" s="244">
        <v>33</v>
      </c>
      <c r="K21" s="167">
        <v>64.5</v>
      </c>
      <c r="L21" s="246">
        <v>33</v>
      </c>
      <c r="N21" s="357"/>
      <c r="O21" s="357"/>
    </row>
    <row r="22" spans="1:15" ht="19.5" customHeight="1" x14ac:dyDescent="0.15">
      <c r="A22" s="137">
        <v>17</v>
      </c>
      <c r="B22" s="129" t="s">
        <v>20</v>
      </c>
      <c r="C22" s="243">
        <v>65.39</v>
      </c>
      <c r="D22" s="244">
        <v>31</v>
      </c>
      <c r="E22" s="243">
        <v>66.37</v>
      </c>
      <c r="F22" s="244">
        <v>30</v>
      </c>
      <c r="G22" s="245">
        <v>68.489999999999995</v>
      </c>
      <c r="H22" s="244">
        <v>28</v>
      </c>
      <c r="I22" s="245">
        <v>68.94</v>
      </c>
      <c r="J22" s="244">
        <v>32</v>
      </c>
      <c r="K22" s="167">
        <v>70.349999999999994</v>
      </c>
      <c r="L22" s="246">
        <v>31</v>
      </c>
      <c r="N22" s="357"/>
      <c r="O22" s="357"/>
    </row>
    <row r="23" spans="1:15" ht="19.5" customHeight="1" x14ac:dyDescent="0.15">
      <c r="A23" s="137">
        <v>18</v>
      </c>
      <c r="B23" s="129" t="s">
        <v>21</v>
      </c>
      <c r="C23" s="243">
        <v>79.36</v>
      </c>
      <c r="D23" s="244">
        <v>13</v>
      </c>
      <c r="E23" s="243">
        <v>77</v>
      </c>
      <c r="F23" s="244">
        <v>20</v>
      </c>
      <c r="G23" s="245">
        <v>73.069999999999993</v>
      </c>
      <c r="H23" s="244">
        <v>25</v>
      </c>
      <c r="I23" s="245">
        <v>73.010000000000005</v>
      </c>
      <c r="J23" s="244">
        <v>25</v>
      </c>
      <c r="K23" s="167">
        <v>74.739999999999995</v>
      </c>
      <c r="L23" s="246">
        <v>25</v>
      </c>
      <c r="N23" s="357"/>
      <c r="O23" s="357"/>
    </row>
    <row r="24" spans="1:15" ht="19.5" customHeight="1" x14ac:dyDescent="0.15">
      <c r="A24" s="137">
        <v>19</v>
      </c>
      <c r="B24" s="129" t="s">
        <v>23</v>
      </c>
      <c r="C24" s="243">
        <v>85.83</v>
      </c>
      <c r="D24" s="244">
        <v>2</v>
      </c>
      <c r="E24" s="243">
        <v>87.18</v>
      </c>
      <c r="F24" s="244">
        <v>1</v>
      </c>
      <c r="G24" s="245">
        <v>87.08</v>
      </c>
      <c r="H24" s="244">
        <v>3</v>
      </c>
      <c r="I24" s="245">
        <v>86.94</v>
      </c>
      <c r="J24" s="244">
        <v>4</v>
      </c>
      <c r="K24" s="167">
        <v>87.7</v>
      </c>
      <c r="L24" s="246">
        <v>6</v>
      </c>
      <c r="N24" s="357"/>
      <c r="O24" s="357"/>
    </row>
    <row r="25" spans="1:15" ht="19.5" customHeight="1" x14ac:dyDescent="0.15">
      <c r="A25" s="137">
        <v>20</v>
      </c>
      <c r="B25" s="129" t="s">
        <v>24</v>
      </c>
      <c r="C25" s="243">
        <v>81.5</v>
      </c>
      <c r="D25" s="244">
        <v>9</v>
      </c>
      <c r="E25" s="243">
        <v>79.680000000000007</v>
      </c>
      <c r="F25" s="244">
        <v>13</v>
      </c>
      <c r="G25" s="245">
        <v>79.11</v>
      </c>
      <c r="H25" s="244">
        <v>16</v>
      </c>
      <c r="I25" s="245">
        <v>80.599999999999994</v>
      </c>
      <c r="J25" s="244">
        <v>16</v>
      </c>
      <c r="K25" s="167">
        <v>81.91</v>
      </c>
      <c r="L25" s="246">
        <v>15</v>
      </c>
      <c r="N25" s="357"/>
      <c r="O25" s="357"/>
    </row>
    <row r="26" spans="1:15" ht="19.5" customHeight="1" x14ac:dyDescent="0.15">
      <c r="A26" s="137">
        <v>21</v>
      </c>
      <c r="B26" s="129" t="s">
        <v>22</v>
      </c>
      <c r="C26" s="243">
        <v>70.89</v>
      </c>
      <c r="D26" s="244">
        <v>25</v>
      </c>
      <c r="E26" s="243">
        <v>72.489999999999995</v>
      </c>
      <c r="F26" s="244">
        <v>24</v>
      </c>
      <c r="G26" s="245">
        <v>73.88</v>
      </c>
      <c r="H26" s="244">
        <v>24</v>
      </c>
      <c r="I26" s="245">
        <v>74.489999999999995</v>
      </c>
      <c r="J26" s="244">
        <v>24</v>
      </c>
      <c r="K26" s="167">
        <v>75.459999999999994</v>
      </c>
      <c r="L26" s="246">
        <v>24</v>
      </c>
      <c r="N26" s="357"/>
      <c r="O26" s="357"/>
    </row>
    <row r="27" spans="1:15" ht="19.5" customHeight="1" x14ac:dyDescent="0.15">
      <c r="A27" s="137">
        <v>22</v>
      </c>
      <c r="B27" s="129" t="s">
        <v>25</v>
      </c>
      <c r="C27" s="243">
        <v>82.29</v>
      </c>
      <c r="D27" s="244">
        <v>8</v>
      </c>
      <c r="E27" s="243">
        <v>80.72</v>
      </c>
      <c r="F27" s="244">
        <v>11</v>
      </c>
      <c r="G27" s="245">
        <v>82.15</v>
      </c>
      <c r="H27" s="244">
        <v>10</v>
      </c>
      <c r="I27" s="245">
        <v>82.27</v>
      </c>
      <c r="J27" s="244">
        <v>11</v>
      </c>
      <c r="K27" s="167">
        <v>83.93</v>
      </c>
      <c r="L27" s="246">
        <v>13</v>
      </c>
      <c r="N27" s="357"/>
      <c r="O27" s="357"/>
    </row>
    <row r="28" spans="1:15" ht="19.5" customHeight="1" x14ac:dyDescent="0.15">
      <c r="A28" s="137">
        <v>23</v>
      </c>
      <c r="B28" s="129" t="s">
        <v>26</v>
      </c>
      <c r="C28" s="243">
        <v>78.37</v>
      </c>
      <c r="D28" s="244">
        <v>15</v>
      </c>
      <c r="E28" s="243">
        <v>80.58</v>
      </c>
      <c r="F28" s="244">
        <v>12</v>
      </c>
      <c r="G28" s="245">
        <v>81.900000000000006</v>
      </c>
      <c r="H28" s="244">
        <v>11</v>
      </c>
      <c r="I28" s="245">
        <v>81.84</v>
      </c>
      <c r="J28" s="244">
        <v>13</v>
      </c>
      <c r="K28" s="167">
        <v>80.849999999999994</v>
      </c>
      <c r="L28" s="246">
        <v>17</v>
      </c>
      <c r="N28" s="357"/>
      <c r="O28" s="357"/>
    </row>
    <row r="29" spans="1:15" ht="19.5" customHeight="1" x14ac:dyDescent="0.15">
      <c r="A29" s="137">
        <v>24</v>
      </c>
      <c r="B29" s="129" t="s">
        <v>27</v>
      </c>
      <c r="C29" s="243">
        <v>83.67</v>
      </c>
      <c r="D29" s="244">
        <v>7</v>
      </c>
      <c r="E29" s="243">
        <v>84.76</v>
      </c>
      <c r="F29" s="244">
        <v>5</v>
      </c>
      <c r="G29" s="245">
        <v>86.05</v>
      </c>
      <c r="H29" s="244">
        <v>5</v>
      </c>
      <c r="I29" s="245">
        <v>87.35</v>
      </c>
      <c r="J29" s="244">
        <v>3</v>
      </c>
      <c r="K29" s="167">
        <v>87.54</v>
      </c>
      <c r="L29" s="246">
        <v>7</v>
      </c>
      <c r="N29" s="357"/>
      <c r="O29" s="357"/>
    </row>
    <row r="30" spans="1:15" ht="19.5" customHeight="1" x14ac:dyDescent="0.15">
      <c r="A30" s="137">
        <v>25</v>
      </c>
      <c r="B30" s="129" t="s">
        <v>28</v>
      </c>
      <c r="C30" s="243">
        <v>77.849999999999994</v>
      </c>
      <c r="D30" s="244">
        <v>18</v>
      </c>
      <c r="E30" s="243">
        <v>78.97</v>
      </c>
      <c r="F30" s="244">
        <v>15</v>
      </c>
      <c r="G30" s="245">
        <v>78.22</v>
      </c>
      <c r="H30" s="244">
        <v>17</v>
      </c>
      <c r="I30" s="245">
        <v>78.28</v>
      </c>
      <c r="J30" s="244">
        <v>17</v>
      </c>
      <c r="K30" s="167">
        <v>78.180000000000007</v>
      </c>
      <c r="L30" s="246">
        <v>21</v>
      </c>
      <c r="N30" s="357"/>
      <c r="O30" s="357"/>
    </row>
    <row r="31" spans="1:15" ht="19.5" customHeight="1" x14ac:dyDescent="0.15">
      <c r="A31" s="137">
        <v>26</v>
      </c>
      <c r="B31" s="129" t="s">
        <v>29</v>
      </c>
      <c r="C31" s="243">
        <v>84.29</v>
      </c>
      <c r="D31" s="244">
        <v>4</v>
      </c>
      <c r="E31" s="243">
        <v>84.56</v>
      </c>
      <c r="F31" s="244">
        <v>6</v>
      </c>
      <c r="G31" s="245">
        <v>82.85</v>
      </c>
      <c r="H31" s="244">
        <v>9</v>
      </c>
      <c r="I31" s="245">
        <v>86.55</v>
      </c>
      <c r="J31" s="244">
        <v>6</v>
      </c>
      <c r="K31" s="167">
        <v>88.01</v>
      </c>
      <c r="L31" s="246">
        <v>5</v>
      </c>
      <c r="N31" s="357"/>
      <c r="O31" s="357"/>
    </row>
    <row r="32" spans="1:15" ht="19.5" customHeight="1" x14ac:dyDescent="0.15">
      <c r="A32" s="137">
        <v>27</v>
      </c>
      <c r="B32" s="129" t="s">
        <v>30</v>
      </c>
      <c r="C32" s="243">
        <v>84.26</v>
      </c>
      <c r="D32" s="244">
        <v>5</v>
      </c>
      <c r="E32" s="243">
        <v>83.17</v>
      </c>
      <c r="F32" s="244">
        <v>7</v>
      </c>
      <c r="G32" s="245">
        <v>83.34</v>
      </c>
      <c r="H32" s="244">
        <v>8</v>
      </c>
      <c r="I32" s="245">
        <v>84.29</v>
      </c>
      <c r="J32" s="244">
        <v>9</v>
      </c>
      <c r="K32" s="167">
        <v>84.98</v>
      </c>
      <c r="L32" s="246">
        <v>10</v>
      </c>
      <c r="N32" s="357"/>
      <c r="O32" s="357"/>
    </row>
    <row r="33" spans="1:29" ht="19.5" customHeight="1" x14ac:dyDescent="0.15">
      <c r="A33" s="137">
        <v>28</v>
      </c>
      <c r="B33" s="129" t="s">
        <v>31</v>
      </c>
      <c r="C33" s="243">
        <v>77.41</v>
      </c>
      <c r="D33" s="244">
        <v>19</v>
      </c>
      <c r="E33" s="243">
        <v>76.400000000000006</v>
      </c>
      <c r="F33" s="244">
        <v>21</v>
      </c>
      <c r="G33" s="245">
        <v>76.37</v>
      </c>
      <c r="H33" s="244">
        <v>20</v>
      </c>
      <c r="I33" s="245">
        <v>77.05</v>
      </c>
      <c r="J33" s="244">
        <v>20</v>
      </c>
      <c r="K33" s="167">
        <v>78.12</v>
      </c>
      <c r="L33" s="246">
        <v>22</v>
      </c>
      <c r="N33" s="357"/>
      <c r="O33" s="357"/>
    </row>
    <row r="34" spans="1:29" ht="19.5" customHeight="1" x14ac:dyDescent="0.15">
      <c r="A34" s="137">
        <v>29</v>
      </c>
      <c r="B34" s="129" t="s">
        <v>32</v>
      </c>
      <c r="C34" s="243">
        <v>75.14</v>
      </c>
      <c r="D34" s="244">
        <v>21</v>
      </c>
      <c r="E34" s="243">
        <v>77.45</v>
      </c>
      <c r="F34" s="244">
        <v>19</v>
      </c>
      <c r="G34" s="245">
        <v>79.39</v>
      </c>
      <c r="H34" s="244">
        <v>15</v>
      </c>
      <c r="I34" s="245">
        <v>80.930000000000007</v>
      </c>
      <c r="J34" s="244">
        <v>15</v>
      </c>
      <c r="K34" s="167">
        <v>81.52</v>
      </c>
      <c r="L34" s="246">
        <v>16</v>
      </c>
      <c r="N34" s="357"/>
      <c r="O34" s="357"/>
    </row>
    <row r="35" spans="1:29" ht="19.5" customHeight="1" x14ac:dyDescent="0.15">
      <c r="A35" s="137">
        <v>30</v>
      </c>
      <c r="B35" s="129" t="s">
        <v>33</v>
      </c>
      <c r="C35" s="243">
        <v>68.72</v>
      </c>
      <c r="D35" s="244">
        <v>27</v>
      </c>
      <c r="E35" s="243">
        <v>67.81</v>
      </c>
      <c r="F35" s="244">
        <v>27</v>
      </c>
      <c r="G35" s="245">
        <v>69.78</v>
      </c>
      <c r="H35" s="244">
        <v>27</v>
      </c>
      <c r="I35" s="245">
        <v>72.400000000000006</v>
      </c>
      <c r="J35" s="244">
        <v>26</v>
      </c>
      <c r="K35" s="167">
        <v>72.19</v>
      </c>
      <c r="L35" s="246">
        <v>30</v>
      </c>
      <c r="N35" s="357"/>
      <c r="O35" s="357"/>
    </row>
    <row r="36" spans="1:29" ht="19.5" customHeight="1" x14ac:dyDescent="0.15">
      <c r="A36" s="137">
        <v>31</v>
      </c>
      <c r="B36" s="129" t="s">
        <v>34</v>
      </c>
      <c r="C36" s="243">
        <v>68.02</v>
      </c>
      <c r="D36" s="244">
        <v>28</v>
      </c>
      <c r="E36" s="243">
        <v>66.989999999999995</v>
      </c>
      <c r="F36" s="244">
        <v>28</v>
      </c>
      <c r="G36" s="245">
        <v>64.84</v>
      </c>
      <c r="H36" s="244">
        <v>32</v>
      </c>
      <c r="I36" s="245">
        <v>69.349999999999994</v>
      </c>
      <c r="J36" s="244">
        <v>30</v>
      </c>
      <c r="K36" s="167">
        <v>78.95</v>
      </c>
      <c r="L36" s="246">
        <v>19</v>
      </c>
      <c r="N36" s="357"/>
      <c r="O36" s="357"/>
    </row>
    <row r="37" spans="1:29" ht="19.5" customHeight="1" x14ac:dyDescent="0.15">
      <c r="A37" s="137">
        <v>32</v>
      </c>
      <c r="B37" s="129" t="s">
        <v>35</v>
      </c>
      <c r="C37" s="243">
        <v>74.739999999999995</v>
      </c>
      <c r="D37" s="244">
        <v>22</v>
      </c>
      <c r="E37" s="243">
        <v>78.540000000000006</v>
      </c>
      <c r="F37" s="244">
        <v>16</v>
      </c>
      <c r="G37" s="245">
        <v>80.77</v>
      </c>
      <c r="H37" s="244">
        <v>14</v>
      </c>
      <c r="I37" s="245">
        <v>82.11</v>
      </c>
      <c r="J37" s="244">
        <v>12</v>
      </c>
      <c r="K37" s="167">
        <v>83.56</v>
      </c>
      <c r="L37" s="246">
        <v>14</v>
      </c>
      <c r="N37" s="357"/>
      <c r="O37" s="357"/>
    </row>
    <row r="38" spans="1:29" ht="19.5" customHeight="1" thickBot="1" x14ac:dyDescent="0.2">
      <c r="A38" s="138">
        <v>33</v>
      </c>
      <c r="B38" s="139" t="s">
        <v>36</v>
      </c>
      <c r="C38" s="247">
        <v>81.099999999999994</v>
      </c>
      <c r="D38" s="248">
        <v>10</v>
      </c>
      <c r="E38" s="247">
        <v>83.12</v>
      </c>
      <c r="F38" s="248">
        <v>8</v>
      </c>
      <c r="G38" s="249">
        <v>81.73</v>
      </c>
      <c r="H38" s="248">
        <v>12</v>
      </c>
      <c r="I38" s="249">
        <v>80.95</v>
      </c>
      <c r="J38" s="248">
        <v>14</v>
      </c>
      <c r="K38" s="175">
        <v>90.79</v>
      </c>
      <c r="L38" s="250">
        <v>2</v>
      </c>
      <c r="N38" s="357"/>
      <c r="O38" s="357"/>
    </row>
    <row r="39" spans="1:29" ht="19.5" hidden="1" customHeight="1" thickTop="1" x14ac:dyDescent="0.15">
      <c r="A39" s="251">
        <v>34</v>
      </c>
      <c r="B39" s="252" t="s">
        <v>37</v>
      </c>
      <c r="C39" s="253" t="s">
        <v>56</v>
      </c>
      <c r="D39" s="254" t="s">
        <v>56</v>
      </c>
      <c r="E39" s="253" t="s">
        <v>56</v>
      </c>
      <c r="F39" s="254" t="s">
        <v>56</v>
      </c>
      <c r="G39" s="255" t="s">
        <v>56</v>
      </c>
      <c r="H39" s="254" t="s">
        <v>56</v>
      </c>
      <c r="I39" s="255" t="s">
        <v>56</v>
      </c>
      <c r="J39" s="254" t="s">
        <v>56</v>
      </c>
      <c r="K39" s="256" t="s">
        <v>57</v>
      </c>
      <c r="L39" s="257" t="s">
        <v>56</v>
      </c>
      <c r="N39" s="357"/>
      <c r="O39" s="357"/>
    </row>
    <row r="40" spans="1:29" ht="19.5" hidden="1" customHeight="1" x14ac:dyDescent="0.15">
      <c r="A40" s="251">
        <v>35</v>
      </c>
      <c r="B40" s="252" t="s">
        <v>38</v>
      </c>
      <c r="C40" s="253" t="s">
        <v>56</v>
      </c>
      <c r="D40" s="254" t="s">
        <v>56</v>
      </c>
      <c r="E40" s="253" t="s">
        <v>56</v>
      </c>
      <c r="F40" s="254" t="s">
        <v>56</v>
      </c>
      <c r="G40" s="255" t="s">
        <v>56</v>
      </c>
      <c r="H40" s="254" t="s">
        <v>56</v>
      </c>
      <c r="I40" s="255" t="s">
        <v>56</v>
      </c>
      <c r="J40" s="254" t="s">
        <v>56</v>
      </c>
      <c r="K40" s="256" t="s">
        <v>57</v>
      </c>
      <c r="L40" s="257" t="s">
        <v>56</v>
      </c>
      <c r="N40" s="357"/>
      <c r="O40" s="357"/>
    </row>
    <row r="41" spans="1:29" ht="19.5" hidden="1" customHeight="1" x14ac:dyDescent="0.15">
      <c r="A41" s="251">
        <v>36</v>
      </c>
      <c r="B41" s="252" t="s">
        <v>39</v>
      </c>
      <c r="C41" s="253" t="s">
        <v>56</v>
      </c>
      <c r="D41" s="254" t="s">
        <v>56</v>
      </c>
      <c r="E41" s="253" t="s">
        <v>56</v>
      </c>
      <c r="F41" s="254" t="s">
        <v>56</v>
      </c>
      <c r="G41" s="255" t="s">
        <v>56</v>
      </c>
      <c r="H41" s="254" t="s">
        <v>56</v>
      </c>
      <c r="I41" s="255" t="s">
        <v>56</v>
      </c>
      <c r="J41" s="254" t="s">
        <v>56</v>
      </c>
      <c r="K41" s="256" t="s">
        <v>57</v>
      </c>
      <c r="L41" s="257" t="s">
        <v>56</v>
      </c>
      <c r="N41" s="357"/>
      <c r="O41" s="357"/>
    </row>
    <row r="42" spans="1:29" ht="19.5" hidden="1" customHeight="1" thickBot="1" x14ac:dyDescent="0.2">
      <c r="A42" s="251">
        <v>37</v>
      </c>
      <c r="B42" s="252" t="s">
        <v>40</v>
      </c>
      <c r="C42" s="253" t="s">
        <v>56</v>
      </c>
      <c r="D42" s="254" t="s">
        <v>56</v>
      </c>
      <c r="E42" s="253" t="s">
        <v>56</v>
      </c>
      <c r="F42" s="254" t="s">
        <v>56</v>
      </c>
      <c r="G42" s="255" t="s">
        <v>56</v>
      </c>
      <c r="H42" s="254" t="s">
        <v>56</v>
      </c>
      <c r="I42" s="255" t="s">
        <v>56</v>
      </c>
      <c r="J42" s="254" t="s">
        <v>56</v>
      </c>
      <c r="K42" s="256" t="s">
        <v>57</v>
      </c>
      <c r="L42" s="257" t="s">
        <v>56</v>
      </c>
      <c r="N42" s="357"/>
      <c r="O42" s="357"/>
    </row>
    <row r="43" spans="1:29" ht="19.5" customHeight="1" thickTop="1" x14ac:dyDescent="0.15">
      <c r="A43" s="258">
        <v>301</v>
      </c>
      <c r="B43" s="259" t="s">
        <v>41</v>
      </c>
      <c r="C43" s="260">
        <v>99.93</v>
      </c>
      <c r="D43" s="261">
        <v>5</v>
      </c>
      <c r="E43" s="260">
        <v>99.96</v>
      </c>
      <c r="F43" s="261">
        <v>5</v>
      </c>
      <c r="G43" s="262">
        <v>99.97</v>
      </c>
      <c r="H43" s="261">
        <v>4</v>
      </c>
      <c r="I43" s="262">
        <v>99.98</v>
      </c>
      <c r="J43" s="261">
        <v>4</v>
      </c>
      <c r="K43" s="181">
        <v>99.98</v>
      </c>
      <c r="L43" s="263">
        <v>4</v>
      </c>
      <c r="M43" s="373"/>
      <c r="N43" s="357"/>
      <c r="O43" s="357"/>
      <c r="P43" s="373"/>
      <c r="Q43" s="373"/>
      <c r="R43" s="373"/>
      <c r="S43" s="373"/>
      <c r="T43" s="373"/>
      <c r="U43" s="373"/>
      <c r="V43" s="373"/>
      <c r="W43" s="373"/>
      <c r="X43" s="373"/>
      <c r="Y43" s="373"/>
      <c r="Z43" s="373"/>
      <c r="AA43" s="373"/>
      <c r="AB43" s="373"/>
      <c r="AC43" s="373"/>
    </row>
    <row r="44" spans="1:29" ht="19.5" customHeight="1" x14ac:dyDescent="0.15">
      <c r="A44" s="137">
        <v>302</v>
      </c>
      <c r="B44" s="129" t="s">
        <v>42</v>
      </c>
      <c r="C44" s="170">
        <v>99.9</v>
      </c>
      <c r="D44" s="244">
        <v>6</v>
      </c>
      <c r="E44" s="170">
        <v>99.86</v>
      </c>
      <c r="F44" s="244">
        <v>6</v>
      </c>
      <c r="G44" s="245">
        <v>99.78</v>
      </c>
      <c r="H44" s="244">
        <v>6</v>
      </c>
      <c r="I44" s="245">
        <v>99.87</v>
      </c>
      <c r="J44" s="244">
        <v>6</v>
      </c>
      <c r="K44" s="167">
        <v>99.95</v>
      </c>
      <c r="L44" s="264">
        <v>5</v>
      </c>
      <c r="M44" s="373"/>
      <c r="N44" s="357"/>
      <c r="O44" s="357"/>
      <c r="P44" s="373"/>
      <c r="Q44" s="373"/>
      <c r="R44" s="373"/>
      <c r="S44" s="373"/>
      <c r="T44" s="373"/>
      <c r="U44" s="373"/>
      <c r="V44" s="373"/>
      <c r="W44" s="373"/>
      <c r="X44" s="373"/>
      <c r="Y44" s="373"/>
      <c r="Z44" s="373"/>
      <c r="AA44" s="373"/>
      <c r="AB44" s="373"/>
      <c r="AC44" s="373"/>
    </row>
    <row r="45" spans="1:29" ht="19.5" customHeight="1" x14ac:dyDescent="0.15">
      <c r="A45" s="137">
        <v>303</v>
      </c>
      <c r="B45" s="129" t="s">
        <v>43</v>
      </c>
      <c r="C45" s="170">
        <v>100</v>
      </c>
      <c r="D45" s="244">
        <v>1</v>
      </c>
      <c r="E45" s="170">
        <v>100</v>
      </c>
      <c r="F45" s="244">
        <v>1</v>
      </c>
      <c r="G45" s="245">
        <v>100</v>
      </c>
      <c r="H45" s="244">
        <v>1</v>
      </c>
      <c r="I45" s="245">
        <v>100</v>
      </c>
      <c r="J45" s="244">
        <v>1</v>
      </c>
      <c r="K45" s="167">
        <v>100</v>
      </c>
      <c r="L45" s="264">
        <v>1</v>
      </c>
      <c r="M45" s="373"/>
      <c r="N45" s="357"/>
      <c r="O45" s="357"/>
      <c r="P45" s="373"/>
      <c r="Q45" s="373"/>
      <c r="R45" s="373"/>
      <c r="S45" s="373"/>
      <c r="T45" s="373"/>
      <c r="U45" s="373"/>
      <c r="V45" s="373"/>
      <c r="W45" s="373"/>
      <c r="X45" s="373"/>
      <c r="Y45" s="373"/>
      <c r="Z45" s="373"/>
      <c r="AA45" s="373"/>
      <c r="AB45" s="373"/>
      <c r="AC45" s="373"/>
    </row>
    <row r="46" spans="1:29" ht="19.5" customHeight="1" x14ac:dyDescent="0.15">
      <c r="A46" s="137">
        <v>304</v>
      </c>
      <c r="B46" s="129" t="s">
        <v>44</v>
      </c>
      <c r="C46" s="170">
        <v>100</v>
      </c>
      <c r="D46" s="244">
        <v>1</v>
      </c>
      <c r="E46" s="170">
        <v>100</v>
      </c>
      <c r="F46" s="244">
        <v>1</v>
      </c>
      <c r="G46" s="245">
        <v>99.88</v>
      </c>
      <c r="H46" s="244">
        <v>5</v>
      </c>
      <c r="I46" s="245">
        <v>99.9</v>
      </c>
      <c r="J46" s="244">
        <v>5</v>
      </c>
      <c r="K46" s="167">
        <v>99.89</v>
      </c>
      <c r="L46" s="264">
        <v>6</v>
      </c>
      <c r="M46" s="373"/>
      <c r="N46" s="357"/>
      <c r="O46" s="357"/>
      <c r="P46" s="373"/>
      <c r="Q46" s="373"/>
      <c r="R46" s="373"/>
      <c r="S46" s="373"/>
      <c r="T46" s="373"/>
      <c r="U46" s="373"/>
      <c r="V46" s="373"/>
      <c r="W46" s="373"/>
      <c r="X46" s="373"/>
      <c r="Y46" s="373"/>
      <c r="Z46" s="373"/>
      <c r="AA46" s="373"/>
      <c r="AB46" s="373"/>
      <c r="AC46" s="373"/>
    </row>
    <row r="47" spans="1:29" ht="19.5" customHeight="1" x14ac:dyDescent="0.15">
      <c r="A47" s="137">
        <v>305</v>
      </c>
      <c r="B47" s="129" t="s">
        <v>45</v>
      </c>
      <c r="C47" s="170">
        <v>100</v>
      </c>
      <c r="D47" s="244">
        <v>1</v>
      </c>
      <c r="E47" s="170">
        <v>100</v>
      </c>
      <c r="F47" s="244">
        <v>1</v>
      </c>
      <c r="G47" s="245">
        <v>100</v>
      </c>
      <c r="H47" s="244">
        <v>1</v>
      </c>
      <c r="I47" s="245">
        <v>100</v>
      </c>
      <c r="J47" s="244">
        <v>1</v>
      </c>
      <c r="K47" s="167">
        <v>100</v>
      </c>
      <c r="L47" s="264">
        <v>1</v>
      </c>
      <c r="M47" s="373"/>
      <c r="N47" s="357"/>
      <c r="O47" s="357"/>
      <c r="P47" s="373"/>
      <c r="Q47" s="373"/>
      <c r="R47" s="373"/>
      <c r="S47" s="373"/>
      <c r="T47" s="373"/>
      <c r="U47" s="373"/>
      <c r="V47" s="373"/>
      <c r="W47" s="373"/>
      <c r="X47" s="373"/>
      <c r="Y47" s="373"/>
      <c r="Z47" s="373"/>
      <c r="AA47" s="373"/>
      <c r="AB47" s="373"/>
      <c r="AC47" s="373"/>
    </row>
    <row r="48" spans="1:29" ht="19.5" customHeight="1" thickBot="1" x14ac:dyDescent="0.2">
      <c r="A48" s="138">
        <v>306</v>
      </c>
      <c r="B48" s="139" t="s">
        <v>46</v>
      </c>
      <c r="C48" s="265">
        <v>100</v>
      </c>
      <c r="D48" s="248">
        <v>1</v>
      </c>
      <c r="E48" s="265">
        <v>100</v>
      </c>
      <c r="F48" s="248">
        <v>1</v>
      </c>
      <c r="G48" s="249">
        <v>100</v>
      </c>
      <c r="H48" s="248">
        <v>1</v>
      </c>
      <c r="I48" s="249">
        <v>100</v>
      </c>
      <c r="J48" s="248">
        <v>1</v>
      </c>
      <c r="K48" s="175">
        <v>100</v>
      </c>
      <c r="L48" s="266">
        <v>1</v>
      </c>
      <c r="M48" s="373"/>
      <c r="N48" s="357"/>
      <c r="O48" s="357"/>
      <c r="P48" s="373"/>
      <c r="Q48" s="373"/>
      <c r="R48" s="373"/>
      <c r="S48" s="373"/>
      <c r="T48" s="373"/>
      <c r="U48" s="373"/>
      <c r="V48" s="373"/>
      <c r="W48" s="373"/>
      <c r="X48" s="373"/>
      <c r="Y48" s="373"/>
      <c r="Z48" s="373"/>
      <c r="AA48" s="373"/>
      <c r="AB48" s="373"/>
      <c r="AC48" s="373"/>
    </row>
    <row r="49" spans="1:29" ht="19.5" customHeight="1" thickTop="1" thickBot="1" x14ac:dyDescent="0.2">
      <c r="A49" s="299" t="s">
        <v>51</v>
      </c>
      <c r="B49" s="300"/>
      <c r="C49" s="267">
        <v>78.5</v>
      </c>
      <c r="D49" s="268"/>
      <c r="E49" s="267">
        <v>79.52</v>
      </c>
      <c r="F49" s="268"/>
      <c r="G49" s="269">
        <v>81.52</v>
      </c>
      <c r="H49" s="268"/>
      <c r="I49" s="269">
        <v>82.58</v>
      </c>
      <c r="J49" s="268"/>
      <c r="K49" s="185">
        <v>84.34</v>
      </c>
      <c r="L49" s="270"/>
      <c r="M49" s="373"/>
      <c r="N49" s="357"/>
      <c r="O49" s="357"/>
      <c r="P49" s="373"/>
      <c r="Q49" s="373"/>
      <c r="R49" s="373"/>
      <c r="S49" s="373"/>
      <c r="T49" s="373"/>
      <c r="U49" s="373"/>
      <c r="V49" s="373"/>
      <c r="W49" s="373"/>
      <c r="X49" s="373"/>
      <c r="Y49" s="373"/>
      <c r="Z49" s="373"/>
      <c r="AA49" s="373"/>
      <c r="AB49" s="373"/>
      <c r="AC49" s="373"/>
    </row>
    <row r="50" spans="1:29" ht="19.5" customHeight="1" thickTop="1" thickBot="1" x14ac:dyDescent="0.2">
      <c r="A50" s="299" t="s">
        <v>63</v>
      </c>
      <c r="B50" s="300"/>
      <c r="C50" s="267">
        <v>99.98</v>
      </c>
      <c r="D50" s="268"/>
      <c r="E50" s="267">
        <v>99.97</v>
      </c>
      <c r="F50" s="268"/>
      <c r="G50" s="269">
        <v>99.96</v>
      </c>
      <c r="H50" s="268"/>
      <c r="I50" s="269">
        <v>99.97</v>
      </c>
      <c r="J50" s="268"/>
      <c r="K50" s="185">
        <v>99.98</v>
      </c>
      <c r="L50" s="270"/>
      <c r="M50" s="373"/>
      <c r="N50" s="357"/>
      <c r="O50" s="357"/>
      <c r="P50" s="373"/>
      <c r="Q50" s="373"/>
      <c r="R50" s="373"/>
      <c r="S50" s="373"/>
      <c r="T50" s="373"/>
      <c r="U50" s="373"/>
      <c r="V50" s="373"/>
      <c r="W50" s="373"/>
      <c r="X50" s="373"/>
      <c r="Y50" s="373"/>
      <c r="Z50" s="373"/>
      <c r="AA50" s="373"/>
      <c r="AB50" s="373"/>
      <c r="AC50" s="373"/>
    </row>
    <row r="51" spans="1:29" ht="19.5" customHeight="1" thickTop="1" thickBot="1" x14ac:dyDescent="0.2">
      <c r="A51" s="301" t="s">
        <v>64</v>
      </c>
      <c r="B51" s="302"/>
      <c r="C51" s="271">
        <v>80.28</v>
      </c>
      <c r="D51" s="272"/>
      <c r="E51" s="271">
        <v>81.42</v>
      </c>
      <c r="F51" s="272"/>
      <c r="G51" s="273">
        <v>83.28</v>
      </c>
      <c r="H51" s="272"/>
      <c r="I51" s="273">
        <v>84.31</v>
      </c>
      <c r="J51" s="272"/>
      <c r="K51" s="189">
        <v>85.74</v>
      </c>
      <c r="L51" s="274"/>
      <c r="N51" s="357"/>
      <c r="O51" s="357"/>
    </row>
    <row r="53" spans="1:29" x14ac:dyDescent="0.15">
      <c r="A53" s="370"/>
      <c r="N53" s="374"/>
      <c r="O53" s="374"/>
    </row>
    <row r="54" spans="1:29" x14ac:dyDescent="0.15">
      <c r="N54" s="374"/>
      <c r="O54" s="374"/>
    </row>
    <row r="55" spans="1:29" x14ac:dyDescent="0.15">
      <c r="N55" s="374"/>
      <c r="O55" s="374"/>
    </row>
  </sheetData>
  <mergeCells count="9">
    <mergeCell ref="A50:B50"/>
    <mergeCell ref="A51:B51"/>
    <mergeCell ref="A3:B5"/>
    <mergeCell ref="K3:L3"/>
    <mergeCell ref="A49:B49"/>
    <mergeCell ref="C3:D3"/>
    <mergeCell ref="E3:F3"/>
    <mergeCell ref="G3:H3"/>
    <mergeCell ref="I3:J3"/>
  </mergeCells>
  <phoneticPr fontId="8"/>
  <printOptions horizontalCentered="1" gridLinesSet="0"/>
  <pageMargins left="0.59055118110236227" right="0.59055118110236227" top="0.59055118110236227" bottom="0.59055118110236227" header="0.23622047244094491" footer="0.35433070866141736"/>
  <pageSetup paperSize="9" scale="88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7</vt:i4>
      </vt:variant>
    </vt:vector>
  </HeadingPairs>
  <TitlesOfParts>
    <vt:vector size="14" baseType="lpstr">
      <vt:lpstr>一人当たりの基準総所得額の推移</vt:lpstr>
      <vt:lpstr> 一人当たり調定額の推移</vt:lpstr>
      <vt:lpstr>一世帯当たりの調定額の推移</vt:lpstr>
      <vt:lpstr>負担率の推移</vt:lpstr>
      <vt:lpstr>収納率の推移（現年分）</vt:lpstr>
      <vt:lpstr>収納率の推移（滞納繰越分）</vt:lpstr>
      <vt:lpstr>収納率の推移（現年分・滞納繰越分合計）</vt:lpstr>
      <vt:lpstr>' 一人当たり調定額の推移'!Print_Area</vt:lpstr>
      <vt:lpstr>一人当たりの基準総所得額の推移!Print_Area</vt:lpstr>
      <vt:lpstr>一世帯当たりの調定額の推移!Print_Area</vt:lpstr>
      <vt:lpstr>'収納率の推移（現年分）'!Print_Area</vt:lpstr>
      <vt:lpstr>'収納率の推移（現年分・滞納繰越分合計）'!Print_Area</vt:lpstr>
      <vt:lpstr>'収納率の推移（滞納繰越分）'!Print_Area</vt:lpstr>
      <vt:lpstr>負担率の推移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国民健康保険課</dc:creator>
  <cp:lastModifiedBy>user</cp:lastModifiedBy>
  <cp:lastPrinted>2022-07-21T06:15:06Z</cp:lastPrinted>
  <dcterms:created xsi:type="dcterms:W3CDTF">1997-10-09T01:16:47Z</dcterms:created>
  <dcterms:modified xsi:type="dcterms:W3CDTF">2022-07-21T06:17:14Z</dcterms:modified>
</cp:coreProperties>
</file>